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9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2" d="100"/>
          <a:sy n="102" d="100"/>
        </p:scale>
        <p:origin x="120" y="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D14006-F70A-4BB5-AED6-9C0C14869F0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4EBF2C8-A8AC-4DC6-845A-22EE727C6E5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6B20EA-8FAD-4A7C-AA49-CC82CE072A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CC391D-A875-4A2E-A017-2132531411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CC19E5-E506-4008-853B-8BA79BBA26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30708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591948-FD27-4479-BA03-664D46636A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F9456FE-8D86-4809-BBCF-7C418CFEC22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B6EF22A-C275-4C97-9933-FC4215624B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8F0A79E-51EB-4CB0-A318-DC7972BF33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1A9B559-0F17-45E7-ADFA-3E1A9CDA0D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3825560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18CBC3C-EA05-49BB-BB0C-73FCCE311C6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86E4B1B-5A5E-4A37-9874-6CCE045FB65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9E8B86A-7739-48E1-A6AF-E2DEA81285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C06405-C024-4350-B251-B057C42CFF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98ACDE-199A-47A7-8847-154FCC1649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902338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E9905F-B204-417D-B236-3F7F90BB34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A8220B-C5F4-4C65-A009-49399789A2B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1C46A0-6305-4E8B-85F2-1E05AA169D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E1D8765-FA05-48A6-86C5-EFF7C848CC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ECF2AC-AC11-48E3-9B6D-D1EB04FBE2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70441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51DC04-163D-49DE-91E9-BA12D734FE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41D4D8-0D93-4F95-A9A1-0D1553D4369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61CAAB-F792-4B08-AAE4-9566B0899E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4B6252-50C6-4E61-9B50-803C2E91CA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F9178B-EA9A-46DF-AE83-B5BC590309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53347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AE6649-FB49-4401-904E-68E1A7A580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BED2C7-B401-42E7-806C-05742572580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E77E884-96C1-421E-B121-7F0EB758CC5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EB26D6B-BA7A-4CB0-82DA-5BBBEC98C4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E8403A5-BCD9-4747-BBA6-375D98EFAF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2727E96-5C96-4856-93EA-3CBE80D912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83776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8DE120-4973-4430-BC95-E4FDFD487A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69BF11A-58D0-4917-BBA1-A97D702A5EA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FDB6D14-155D-49D0-A110-08097F7E6B3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F21D5AE-E3F6-46BF-AA97-52257FA419C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515AB5E-738A-464B-BC67-89953BAEE75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1D254BB-2A19-4F18-BCA0-520244230E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0A3BBD1-A5A9-4AFF-9CD7-E3B5890DCA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42E83E8-5935-4D44-A595-21E9A235F5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3735240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9734D1-3DD8-4C6F-8641-B1A429B1A4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E2A9FA2-6B11-46FE-A679-A7D7D1D088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EE3D134-D726-4822-A757-141A63688D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FE5B6E8-6E0A-45FA-9763-EE6E150A2E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6977679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D0D4DF2-92AD-4542-BE57-AABE6AD04F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B6B3588-D673-4E70-9537-710276F0A9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AAB2FAC-43D6-494C-89EA-954B4E548A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7183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017728-4DDD-4D82-BF8F-D679F5C901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20DD7D-7455-410E-9010-CA3DF0A9B52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D43769A-3ABC-4070-8003-C60A728D479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8074E6-A0C6-4780-BEFA-8EF8A81241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8C57828-F4A0-4CF9-9643-01506A70A5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9C67A39-048E-41B6-A53B-7E17BD1943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7986033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0D5EA3-1E4A-4486-A856-0D3E6E1195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859DABE-F6AB-49B4-A726-4C8F5B1E105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A4661EE-B43A-4B19-B784-841965196D1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8C369B7-FB0E-4EE7-959D-8AB6638CD0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AECF0C7-3474-45DF-83C8-A40AB1D751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D402442-5BCC-4E57-8156-9C57B22444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0359181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063F7C6-C2C5-4E4D-AEEB-DF2734DAAA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6AE5AD1-8526-4CE4-9635-8140193E425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7780768-5ABB-4E8B-A577-386A976AAD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6CA31F3-DD74-4771-98E0-6764F8F0081C}" type="datetimeFigureOut">
              <a:rPr lang="en-GB" smtClean="0"/>
              <a:t>23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FF5574-5656-472E-87B8-76B7AC24E80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79D892E-97E1-40A1-B80E-E27AFA42466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27A115-9039-4DCF-90E1-F9D2E7242DA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425795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slideLayout" Target="../slideLayouts/slideLayout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48121997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AFE4087B-14A6-436B-9A30-112ADD72298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A0A6CB77-DDDD-4E97-8989-640606AE4A7F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A16B35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1" name="OTLSHAPE_T_1f310e4a34b4489ba6d6d8baa2aec67e_LeftVerticalConnector1">
            <a:extLst>
              <a:ext uri="{FF2B5EF4-FFF2-40B4-BE49-F238E27FC236}">
                <a16:creationId xmlns:a16="http://schemas.microsoft.com/office/drawing/2014/main" id="{2DC308C6-493D-4A32-A683-52C68007FE0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632394" y="1933575"/>
            <a:ext cx="0" cy="252412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1f310e4a34b4489ba6d6d8baa2aec67e_RightVerticalConnector1">
            <a:extLst>
              <a:ext uri="{FF2B5EF4-FFF2-40B4-BE49-F238E27FC236}">
                <a16:creationId xmlns:a16="http://schemas.microsoft.com/office/drawing/2014/main" id="{667589D5-119F-48A7-9F19-DD2C4E36262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4850271" y="1933575"/>
            <a:ext cx="0" cy="796290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1f310e4a34b4489ba6d6d8baa2aec67e_RightVerticalConnector2">
            <a:extLst>
              <a:ext uri="{FF2B5EF4-FFF2-40B4-BE49-F238E27FC236}">
                <a16:creationId xmlns:a16="http://schemas.microsoft.com/office/drawing/2014/main" id="{05D08FFA-E2E7-471D-97C8-E16856A1FAD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850271" y="2904490"/>
            <a:ext cx="0" cy="1553210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deffbe1fd0a14a2c8b48f327a942dbb3_RightVerticalConnector1">
            <a:extLst>
              <a:ext uri="{FF2B5EF4-FFF2-40B4-BE49-F238E27FC236}">
                <a16:creationId xmlns:a16="http://schemas.microsoft.com/office/drawing/2014/main" id="{09853ADF-688F-4FDE-8F7B-5EEA6FA95EA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756806" y="1933575"/>
            <a:ext cx="0" cy="66484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deffbe1fd0a14a2c8b48f327a942dbb3_RightVerticalConnector2">
            <a:extLst>
              <a:ext uri="{FF2B5EF4-FFF2-40B4-BE49-F238E27FC236}">
                <a16:creationId xmlns:a16="http://schemas.microsoft.com/office/drawing/2014/main" id="{71735210-6A65-4F5D-A583-2ED834AC374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756806" y="2904490"/>
            <a:ext cx="0" cy="553720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deffbe1fd0a14a2c8b48f327a942dbb3_RightVerticalConnector3">
            <a:extLst>
              <a:ext uri="{FF2B5EF4-FFF2-40B4-BE49-F238E27FC236}">
                <a16:creationId xmlns:a16="http://schemas.microsoft.com/office/drawing/2014/main" id="{F1C29C93-065D-4F89-A072-74F8DF3D7BE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756806" y="3792855"/>
            <a:ext cx="0" cy="66484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125354cf96a64014866671f0ad6e348a_RightVerticalConnector1">
            <a:extLst>
              <a:ext uri="{FF2B5EF4-FFF2-40B4-BE49-F238E27FC236}">
                <a16:creationId xmlns:a16="http://schemas.microsoft.com/office/drawing/2014/main" id="{59FD51C4-905B-4B62-9C86-5FEC4165F1F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974754" y="1933575"/>
            <a:ext cx="0" cy="2524125"/>
          </a:xfrm>
          <a:prstGeom prst="line">
            <a:avLst/>
          </a:prstGeom>
          <a:ln w="9525" cap="flat" cmpd="sng" algn="ctr">
            <a:solidFill>
              <a:srgbClr val="998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63290e6337224cb6b06db3387e6fe2b0_Connector1">
            <a:extLst>
              <a:ext uri="{FF2B5EF4-FFF2-40B4-BE49-F238E27FC236}">
                <a16:creationId xmlns:a16="http://schemas.microsoft.com/office/drawing/2014/main" id="{0CC1EBE3-0B5D-48E8-BDF5-77D09195050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742477" y="4838700"/>
            <a:ext cx="0" cy="843872"/>
          </a:xfrm>
          <a:prstGeom prst="line">
            <a:avLst/>
          </a:prstGeom>
          <a:ln w="9525" cap="flat" cmpd="sng" algn="ctr">
            <a:solidFill>
              <a:srgbClr val="A16B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b4909461c22745b9bafd71cfb58d9653_Connector1">
            <a:extLst>
              <a:ext uri="{FF2B5EF4-FFF2-40B4-BE49-F238E27FC236}">
                <a16:creationId xmlns:a16="http://schemas.microsoft.com/office/drawing/2014/main" id="{D5DFA444-9763-4554-841D-D9A3E9077DC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168035" y="4838700"/>
            <a:ext cx="0" cy="527375"/>
          </a:xfrm>
          <a:prstGeom prst="line">
            <a:avLst/>
          </a:prstGeom>
          <a:ln w="9525" cap="flat" cmpd="sng" algn="ctr">
            <a:solidFill>
              <a:srgbClr val="3E451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13faf3e87f30431795b8f33933499205_Connector1">
            <a:extLst>
              <a:ext uri="{FF2B5EF4-FFF2-40B4-BE49-F238E27FC236}">
                <a16:creationId xmlns:a16="http://schemas.microsoft.com/office/drawing/2014/main" id="{BF46825F-6C1E-42A8-B318-29AF1D94BE3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932717" y="4838700"/>
            <a:ext cx="0" cy="527375"/>
          </a:xfrm>
          <a:prstGeom prst="line">
            <a:avLst/>
          </a:prstGeom>
          <a:ln w="9525" cap="flat" cmpd="sng" algn="ctr">
            <a:solidFill>
              <a:srgbClr val="3E451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e3b0d6c8d3ba488fa47a7493dda98459_Connector1">
            <a:extLst>
              <a:ext uri="{FF2B5EF4-FFF2-40B4-BE49-F238E27FC236}">
                <a16:creationId xmlns:a16="http://schemas.microsoft.com/office/drawing/2014/main" id="{CCAF79D3-4C1B-4C61-8FD3-D8C518E6F87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008813" y="4838700"/>
            <a:ext cx="0" cy="991158"/>
          </a:xfrm>
          <a:prstGeom prst="line">
            <a:avLst/>
          </a:prstGeom>
          <a:ln w="9525" cap="flat" cmpd="sng" algn="ctr">
            <a:solidFill>
              <a:srgbClr val="3E451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2818bf36f1cc4d02a4117fe9ea53f5be_Connector1">
            <a:extLst>
              <a:ext uri="{FF2B5EF4-FFF2-40B4-BE49-F238E27FC236}">
                <a16:creationId xmlns:a16="http://schemas.microsoft.com/office/drawing/2014/main" id="{6363EF45-F94F-4E4B-9BE8-92FAC3539BDC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507158" y="4838700"/>
            <a:ext cx="0" cy="527375"/>
          </a:xfrm>
          <a:prstGeom prst="line">
            <a:avLst/>
          </a:prstGeom>
          <a:ln w="9525" cap="flat" cmpd="sng" algn="ctr">
            <a:solidFill>
              <a:srgbClr val="A16B35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deffbe1fd0a14a2c8b48f327a942dbb3_LeftVerticalConnector1" hidden="1">
            <a:extLst>
              <a:ext uri="{FF2B5EF4-FFF2-40B4-BE49-F238E27FC236}">
                <a16:creationId xmlns:a16="http://schemas.microsoft.com/office/drawing/2014/main" id="{1B40D147-745D-4304-9BCD-65828705235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850343" y="1933575"/>
            <a:ext cx="0" cy="79629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deffbe1fd0a14a2c8b48f327a942dbb3_LeftVerticalConnector2" hidden="1">
            <a:extLst>
              <a:ext uri="{FF2B5EF4-FFF2-40B4-BE49-F238E27FC236}">
                <a16:creationId xmlns:a16="http://schemas.microsoft.com/office/drawing/2014/main" id="{F6EF6505-AF2A-4484-959E-B6A10ADAAB68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850343" y="2904490"/>
            <a:ext cx="0" cy="155321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125354cf96a64014866671f0ad6e348a_LeftVerticalConnector1" hidden="1">
            <a:extLst>
              <a:ext uri="{FF2B5EF4-FFF2-40B4-BE49-F238E27FC236}">
                <a16:creationId xmlns:a16="http://schemas.microsoft.com/office/drawing/2014/main" id="{8EE9DE9A-8628-4143-A64A-BACA172DB79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756878" y="1933575"/>
            <a:ext cx="0" cy="66484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125354cf96a64014866671f0ad6e348a_LeftVerticalConnector2" hidden="1">
            <a:extLst>
              <a:ext uri="{FF2B5EF4-FFF2-40B4-BE49-F238E27FC236}">
                <a16:creationId xmlns:a16="http://schemas.microsoft.com/office/drawing/2014/main" id="{5D40FD30-383C-4961-AA37-E33557A2B424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756878" y="2904490"/>
            <a:ext cx="0" cy="55372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125354cf96a64014866671f0ad6e348a_LeftVerticalConnector3" hidden="1">
            <a:extLst>
              <a:ext uri="{FF2B5EF4-FFF2-40B4-BE49-F238E27FC236}">
                <a16:creationId xmlns:a16="http://schemas.microsoft.com/office/drawing/2014/main" id="{5000040F-564E-4C34-8743-84858B54861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756878" y="3792855"/>
            <a:ext cx="0" cy="66484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F5327BC-62A4-49D6-9266-67FE06E2CF45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44465" y="44577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61695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638AB6E0-DE13-4B82-948E-71F6548BCAD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44465" y="4457700"/>
            <a:ext cx="54991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941394BB-D8B3-4201-94EA-25CF052F12E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280066" y="48387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E9BE088C-D97A-4E68-B1AA-7B8EE5B0F538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154366" y="49657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7BB2A0C-C1A6-409A-BED5-FC3A4DC5020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073065" y="45551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rgbClr val="FDFAED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42EF413-133B-450A-B81C-3AF5465BF49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526333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rgbClr val="FDFAED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F14FF5A1-50D8-4FE2-A608-0C4778F80DF6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979600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rgbClr val="FDFAED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2C0F13EC-B0DE-4D3E-A825-8C4ACF3FD06F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432867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rgbClr val="FDFAED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1E4CB529-A63A-43E3-B81E-D22DAF10927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886134" y="45551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rgbClr val="FDFAED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1B2F02FA-51BD-4504-BA1D-953DEB91928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339401" y="45551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rgbClr val="FDFAED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AEC72970-3E04-4BC0-8224-6A1FB3274DB7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9792669" y="45551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rgbClr val="FDFAED"/>
                </a:solidFill>
                <a:latin typeface="Calibri" panose="020F0502020204030204" pitchFamily="34" charset="0"/>
              </a:rPr>
              <a:t>13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7FBD7FD0-7AEB-4A24-8936-BFC40DB1F66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2462831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3039ECE6-48BD-4CDB-B3CC-1758757BAFDB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3916099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0C34043-DBBD-423A-9EF1-1F4958F8F184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5369366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27768338-072F-4A16-8C08-EB3EF3EEFDB9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822633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21A1B862-19CA-498D-BD8D-F4CC6C0CD76C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275900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BB80B5FB-D2C0-4C9F-9BAB-F67A35914E21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729167" y="4521200"/>
            <a:ext cx="0" cy="254000"/>
          </a:xfrm>
          <a:prstGeom prst="line">
            <a:avLst/>
          </a:prstGeom>
          <a:ln w="9525" cap="flat" cmpd="sng" algn="ctr">
            <a:solidFill>
              <a:srgbClr val="FDFAE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_1f310e4a34b4489ba6d6d8baa2aec67e_Shape">
            <a:extLst>
              <a:ext uri="{FF2B5EF4-FFF2-40B4-BE49-F238E27FC236}">
                <a16:creationId xmlns:a16="http://schemas.microsoft.com/office/drawing/2014/main" id="{D47EADF5-D52D-4A4F-91AC-70C5FAA6E0A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632394" y="1793875"/>
            <a:ext cx="3225800" cy="279400"/>
          </a:xfrm>
          <a:prstGeom prst="roundRect">
            <a:avLst>
              <a:gd name="adj" fmla="val 100000"/>
            </a:avLst>
          </a:prstGeom>
          <a:solidFill>
            <a:srgbClr val="FDFAED"/>
          </a:solidFill>
          <a:ln w="9525">
            <a:solidFill>
              <a:srgbClr val="7974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" name="OTLSHAPE_T_deffbe1fd0a14a2c8b48f327a942dbb3_Shape">
            <a:extLst>
              <a:ext uri="{FF2B5EF4-FFF2-40B4-BE49-F238E27FC236}">
                <a16:creationId xmlns:a16="http://schemas.microsoft.com/office/drawing/2014/main" id="{6C85E36D-3FCB-4DCC-9FFD-572AA886613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850343" y="1793875"/>
            <a:ext cx="2908300" cy="279400"/>
          </a:xfrm>
          <a:prstGeom prst="roundRect">
            <a:avLst>
              <a:gd name="adj" fmla="val 100000"/>
            </a:avLst>
          </a:prstGeom>
          <a:solidFill>
            <a:srgbClr val="FDFAED"/>
          </a:solidFill>
          <a:ln w="9525">
            <a:solidFill>
              <a:srgbClr val="AA8A6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" name="OTLSHAPE_T_125354cf96a64014866671f0ad6e348a_Shape">
            <a:extLst>
              <a:ext uri="{FF2B5EF4-FFF2-40B4-BE49-F238E27FC236}">
                <a16:creationId xmlns:a16="http://schemas.microsoft.com/office/drawing/2014/main" id="{F6059535-D14C-4C2A-9403-BD660796A1E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756878" y="1793875"/>
            <a:ext cx="3225800" cy="279400"/>
          </a:xfrm>
          <a:prstGeom prst="roundRect">
            <a:avLst>
              <a:gd name="adj" fmla="val 100000"/>
            </a:avLst>
          </a:prstGeom>
          <a:solidFill>
            <a:srgbClr val="FDFAED"/>
          </a:solidFill>
          <a:ln w="9525">
            <a:solidFill>
              <a:srgbClr val="538DB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" name="OTLSHAPE_T_e25b31ac893a4be7afae4956af9c40d1_Shape">
            <a:extLst>
              <a:ext uri="{FF2B5EF4-FFF2-40B4-BE49-F238E27FC236}">
                <a16:creationId xmlns:a16="http://schemas.microsoft.com/office/drawing/2014/main" id="{D3357798-8D3C-458D-9361-F1067CE114C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840004" y="2331720"/>
            <a:ext cx="18796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T_c357894546f24e1a974050b746c082b7_Shape">
            <a:extLst>
              <a:ext uri="{FF2B5EF4-FFF2-40B4-BE49-F238E27FC236}">
                <a16:creationId xmlns:a16="http://schemas.microsoft.com/office/drawing/2014/main" id="{0E977FF5-AB1A-4C6E-B5A5-3B18019F28A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473172" y="2331720"/>
            <a:ext cx="1041400" cy="203200"/>
          </a:xfrm>
          <a:prstGeom prst="roundRect">
            <a:avLst>
              <a:gd name="adj" fmla="val 100000"/>
            </a:avLst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T_5a97f99b39764d22847c50f16e4d66ca_Shape">
            <a:extLst>
              <a:ext uri="{FF2B5EF4-FFF2-40B4-BE49-F238E27FC236}">
                <a16:creationId xmlns:a16="http://schemas.microsoft.com/office/drawing/2014/main" id="{C11A89EB-3D1C-4D26-BED9-D152F298FB7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379706" y="2331720"/>
            <a:ext cx="18796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T_093c5dd969744a979fa9f22f3b08d52a_Shape">
            <a:extLst>
              <a:ext uri="{FF2B5EF4-FFF2-40B4-BE49-F238E27FC236}">
                <a16:creationId xmlns:a16="http://schemas.microsoft.com/office/drawing/2014/main" id="{7EE7D9B0-D023-4679-A336-44612C92829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293271" y="2729865"/>
            <a:ext cx="17653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T_21652946abae4b94a6455262ed3171da_Shape">
            <a:extLst>
              <a:ext uri="{FF2B5EF4-FFF2-40B4-BE49-F238E27FC236}">
                <a16:creationId xmlns:a16="http://schemas.microsoft.com/office/drawing/2014/main" id="{1FEC2211-B09F-4722-B1CA-75ECA375D2A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134048" y="2729865"/>
            <a:ext cx="20828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0" name="OTLSHAPE_T_5bd4d8612ccb4bf98d3f6e2ca8bdd3dc_Shape">
            <a:extLst>
              <a:ext uri="{FF2B5EF4-FFF2-40B4-BE49-F238E27FC236}">
                <a16:creationId xmlns:a16="http://schemas.microsoft.com/office/drawing/2014/main" id="{ADC194DE-7FB2-4109-9B45-EE5628BF11A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736199" y="3191510"/>
            <a:ext cx="22860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" name="OTLSHAPE_T_95b79694e7704f8799f9b5ff9f8e768e_Shape">
            <a:extLst>
              <a:ext uri="{FF2B5EF4-FFF2-40B4-BE49-F238E27FC236}">
                <a16:creationId xmlns:a16="http://schemas.microsoft.com/office/drawing/2014/main" id="{A6862669-BD14-4D1D-A9EF-60885AF9664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954148" y="3191510"/>
            <a:ext cx="1765300" cy="203200"/>
          </a:xfrm>
          <a:prstGeom prst="roundRect">
            <a:avLst>
              <a:gd name="adj" fmla="val 100000"/>
            </a:avLst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9b5f599c7f5a4d8fbad7a9eae6be576e_Shape">
            <a:extLst>
              <a:ext uri="{FF2B5EF4-FFF2-40B4-BE49-F238E27FC236}">
                <a16:creationId xmlns:a16="http://schemas.microsoft.com/office/drawing/2014/main" id="{0EB73133-71CF-43FE-B0F9-32D518D7AF8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106340" y="3191510"/>
            <a:ext cx="16637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T_bc916c3b9137486b80c3f5ce4f8a84b9_Shape">
            <a:extLst>
              <a:ext uri="{FF2B5EF4-FFF2-40B4-BE49-F238E27FC236}">
                <a16:creationId xmlns:a16="http://schemas.microsoft.com/office/drawing/2014/main" id="{19B778C0-7F1A-485A-B843-D13D43C638E8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397076" y="3589655"/>
            <a:ext cx="1041400" cy="203200"/>
          </a:xfrm>
          <a:prstGeom prst="roundRect">
            <a:avLst>
              <a:gd name="adj" fmla="val 100000"/>
            </a:avLst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" name="OTLSHAPE_T_a62f923b81444a1989da92a41161b44a_Shape">
            <a:extLst>
              <a:ext uri="{FF2B5EF4-FFF2-40B4-BE49-F238E27FC236}">
                <a16:creationId xmlns:a16="http://schemas.microsoft.com/office/drawing/2014/main" id="{F83D7496-B707-42DC-86AE-D69E3F8EFC16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199805" y="3589655"/>
            <a:ext cx="1143000" cy="203200"/>
          </a:xfrm>
          <a:prstGeom prst="roundRect">
            <a:avLst>
              <a:gd name="adj" fmla="val 100000"/>
            </a:avLst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0" name="OTLSHAPE_T_0108a8c40b72414487ee8904ab640741_Shape">
            <a:extLst>
              <a:ext uri="{FF2B5EF4-FFF2-40B4-BE49-F238E27FC236}">
                <a16:creationId xmlns:a16="http://schemas.microsoft.com/office/drawing/2014/main" id="{EBDA8B25-FC67-4D02-A230-08354F7FB8A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653072" y="3589655"/>
            <a:ext cx="1257300" cy="203200"/>
          </a:xfrm>
          <a:prstGeom prst="roundRect">
            <a:avLst>
              <a:gd name="adj" fmla="val 100000"/>
            </a:avLst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8" name="OTLSHAPE_T_62ccbcb167a14716929a0b0805d66b5f_Shape">
            <a:extLst>
              <a:ext uri="{FF2B5EF4-FFF2-40B4-BE49-F238E27FC236}">
                <a16:creationId xmlns:a16="http://schemas.microsoft.com/office/drawing/2014/main" id="{EF617B2F-CC38-4B16-B6EB-061B0E78B1A3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255223" y="4051300"/>
            <a:ext cx="1460500" cy="203200"/>
          </a:xfrm>
          <a:prstGeom prst="chevron">
            <a:avLst/>
          </a:prstGeom>
          <a:solidFill>
            <a:srgbClr val="8D873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76" name="OTLSHAPE_T_3c934d68999e4394a99af49359b39c6d_Shape">
            <a:extLst>
              <a:ext uri="{FF2B5EF4-FFF2-40B4-BE49-F238E27FC236}">
                <a16:creationId xmlns:a16="http://schemas.microsoft.com/office/drawing/2014/main" id="{758A138A-A5C9-4738-88B0-F7B9225F9ED0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057953" y="4051300"/>
            <a:ext cx="1765300" cy="203200"/>
          </a:xfrm>
          <a:prstGeom prst="chevron">
            <a:avLst/>
          </a:prstGeom>
          <a:solidFill>
            <a:srgbClr val="D6AD8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4" name="OTLSHAPE_T_b408e2a948f7418c97bdd14c5279b142_Shape">
            <a:extLst>
              <a:ext uri="{FF2B5EF4-FFF2-40B4-BE49-F238E27FC236}">
                <a16:creationId xmlns:a16="http://schemas.microsoft.com/office/drawing/2014/main" id="{65EAC1FE-0350-4D2C-944E-3FC703FADDFC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106340" y="4051300"/>
            <a:ext cx="1562100" cy="203200"/>
          </a:xfrm>
          <a:prstGeom prst="chevron">
            <a:avLst/>
          </a:prstGeom>
          <a:solidFill>
            <a:srgbClr val="6D9E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7" name="OTLSHAPE_T_1f310e4a34b4489ba6d6d8baa2aec67e_ShapePercentage">
            <a:extLst>
              <a:ext uri="{FF2B5EF4-FFF2-40B4-BE49-F238E27FC236}">
                <a16:creationId xmlns:a16="http://schemas.microsoft.com/office/drawing/2014/main" id="{FA10F16C-DC3D-42B9-8788-10014F543CE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632394" y="1793875"/>
            <a:ext cx="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T_deffbe1fd0a14a2c8b48f327a942dbb3_ShapePercentage">
            <a:extLst>
              <a:ext uri="{FF2B5EF4-FFF2-40B4-BE49-F238E27FC236}">
                <a16:creationId xmlns:a16="http://schemas.microsoft.com/office/drawing/2014/main" id="{2BFBCED3-A50D-4899-AB86-E8EA409D637A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850343" y="1793875"/>
            <a:ext cx="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OTLSHAPE_T_125354cf96a64014866671f0ad6e348a_ShapePercentage">
            <a:extLst>
              <a:ext uri="{FF2B5EF4-FFF2-40B4-BE49-F238E27FC236}">
                <a16:creationId xmlns:a16="http://schemas.microsoft.com/office/drawing/2014/main" id="{7534FCF6-C655-4F0A-86D7-E75638EA3F05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7756878" y="1793875"/>
            <a:ext cx="0" cy="2794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e25b31ac893a4be7afae4956af9c40d1_ShapePercentage">
            <a:extLst>
              <a:ext uri="{FF2B5EF4-FFF2-40B4-BE49-F238E27FC236}">
                <a16:creationId xmlns:a16="http://schemas.microsoft.com/office/drawing/2014/main" id="{484C358D-0C5C-495A-B44A-B1E42924BC3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840004" y="233172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c357894546f24e1a974050b746c082b7_ShapePercentage">
            <a:extLst>
              <a:ext uri="{FF2B5EF4-FFF2-40B4-BE49-F238E27FC236}">
                <a16:creationId xmlns:a16="http://schemas.microsoft.com/office/drawing/2014/main" id="{DCF821CC-1F16-445D-B5C6-60F8671765FE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473172" y="233172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T_5a97f99b39764d22847c50f16e4d66ca_ShapePercentage">
            <a:extLst>
              <a:ext uri="{FF2B5EF4-FFF2-40B4-BE49-F238E27FC236}">
                <a16:creationId xmlns:a16="http://schemas.microsoft.com/office/drawing/2014/main" id="{688A61DB-0CAB-4BD6-8172-90C30D054E3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379706" y="233172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_093c5dd969744a979fa9f22f3b08d52a_ShapePercentage">
            <a:extLst>
              <a:ext uri="{FF2B5EF4-FFF2-40B4-BE49-F238E27FC236}">
                <a16:creationId xmlns:a16="http://schemas.microsoft.com/office/drawing/2014/main" id="{3BB0E742-50B0-42FE-BE74-AFE9BEAEE41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293271" y="272986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_21652946abae4b94a6455262ed3171da_ShapePercentage">
            <a:extLst>
              <a:ext uri="{FF2B5EF4-FFF2-40B4-BE49-F238E27FC236}">
                <a16:creationId xmlns:a16="http://schemas.microsoft.com/office/drawing/2014/main" id="{27824C01-7A65-4C53-9B2F-FADD5CF0EFD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134048" y="272986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T_5bd4d8612ccb4bf98d3f6e2ca8bdd3dc_ShapePercentage">
            <a:extLst>
              <a:ext uri="{FF2B5EF4-FFF2-40B4-BE49-F238E27FC236}">
                <a16:creationId xmlns:a16="http://schemas.microsoft.com/office/drawing/2014/main" id="{F67F70B2-8D2E-4CA8-B25B-721C96A7634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736199" y="319151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T_95b79694e7704f8799f9b5ff9f8e768e_ShapePercentage">
            <a:extLst>
              <a:ext uri="{FF2B5EF4-FFF2-40B4-BE49-F238E27FC236}">
                <a16:creationId xmlns:a16="http://schemas.microsoft.com/office/drawing/2014/main" id="{D9B653C8-6310-4A0A-A0EB-53AEC3011413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954148" y="319151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" name="OTLSHAPE_T_9b5f599c7f5a4d8fbad7a9eae6be576e_ShapePercentage">
            <a:extLst>
              <a:ext uri="{FF2B5EF4-FFF2-40B4-BE49-F238E27FC236}">
                <a16:creationId xmlns:a16="http://schemas.microsoft.com/office/drawing/2014/main" id="{C91DF422-1C48-4149-9DF7-B22C3961DB97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9106340" y="3191510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" name="OTLSHAPE_T_bc916c3b9137486b80c3f5ce4f8a84b9_ShapePercentage">
            <a:extLst>
              <a:ext uri="{FF2B5EF4-FFF2-40B4-BE49-F238E27FC236}">
                <a16:creationId xmlns:a16="http://schemas.microsoft.com/office/drawing/2014/main" id="{0704AC68-CE42-438F-9715-2876BDCE9992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397076" y="358965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3" name="OTLSHAPE_T_a62f923b81444a1989da92a41161b44a_ShapePercentage">
            <a:extLst>
              <a:ext uri="{FF2B5EF4-FFF2-40B4-BE49-F238E27FC236}">
                <a16:creationId xmlns:a16="http://schemas.microsoft.com/office/drawing/2014/main" id="{3B841493-6222-48AB-B4DB-920D4947E96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199805" y="358965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1" name="OTLSHAPE_T_0108a8c40b72414487ee8904ab640741_ShapePercentage">
            <a:extLst>
              <a:ext uri="{FF2B5EF4-FFF2-40B4-BE49-F238E27FC236}">
                <a16:creationId xmlns:a16="http://schemas.microsoft.com/office/drawing/2014/main" id="{50293D81-F1E8-4DD3-92D7-A6757E07BCEB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7653072" y="3589655"/>
            <a:ext cx="0" cy="20320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T_62ccbcb167a14716929a0b0805d66b5f_ShapePercentage">
            <a:extLst>
              <a:ext uri="{FF2B5EF4-FFF2-40B4-BE49-F238E27FC236}">
                <a16:creationId xmlns:a16="http://schemas.microsoft.com/office/drawing/2014/main" id="{30F71D1C-5258-4092-9CC9-0C767682E0D0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2255223" y="4051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77" name="OTLSHAPE_T_3c934d68999e4394a99af49359b39c6d_ShapePercentage">
            <a:extLst>
              <a:ext uri="{FF2B5EF4-FFF2-40B4-BE49-F238E27FC236}">
                <a16:creationId xmlns:a16="http://schemas.microsoft.com/office/drawing/2014/main" id="{C2652765-91F4-4C6A-8719-86CED7196F3F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057953" y="4051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5" name="OTLSHAPE_T_b408e2a948f7418c97bdd14c5279b142_ShapePercentage">
            <a:extLst>
              <a:ext uri="{FF2B5EF4-FFF2-40B4-BE49-F238E27FC236}">
                <a16:creationId xmlns:a16="http://schemas.microsoft.com/office/drawing/2014/main" id="{E429344A-6359-447B-89F9-F62D4A74E0C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106340" y="4051300"/>
            <a:ext cx="0" cy="20320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2" name="OTLSHAPE_T_1f310e4a34b4489ba6d6d8baa2aec67e_Title">
            <a:extLst>
              <a:ext uri="{FF2B5EF4-FFF2-40B4-BE49-F238E27FC236}">
                <a16:creationId xmlns:a16="http://schemas.microsoft.com/office/drawing/2014/main" id="{038349D9-76A1-42A1-A48E-162F4FE131A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655143" y="1853248"/>
            <a:ext cx="11811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8D873C"/>
                </a:solidFill>
                <a:latin typeface="Arial" panose="020B0604020202020204" pitchFamily="34" charset="0"/>
              </a:rPr>
              <a:t>January Calendar</a:t>
            </a:r>
          </a:p>
        </p:txBody>
      </p:sp>
      <p:sp>
        <p:nvSpPr>
          <p:cNvPr id="70" name="OTLSHAPE_T_deffbe1fd0a14a2c8b48f327a942dbb3_Title">
            <a:extLst>
              <a:ext uri="{FF2B5EF4-FFF2-40B4-BE49-F238E27FC236}">
                <a16:creationId xmlns:a16="http://schemas.microsoft.com/office/drawing/2014/main" id="{3628EFF5-708F-4DAE-ADAA-C961C608558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686375" y="1853248"/>
            <a:ext cx="12446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rgbClr val="AA8A67"/>
                </a:solidFill>
                <a:latin typeface="Arial" panose="020B0604020202020204" pitchFamily="34" charset="0"/>
              </a:rPr>
              <a:t>February Calendar</a:t>
            </a:r>
          </a:p>
        </p:txBody>
      </p:sp>
      <p:sp>
        <p:nvSpPr>
          <p:cNvPr id="78" name="OTLSHAPE_T_125354cf96a64014866671f0ad6e348a_Title">
            <a:extLst>
              <a:ext uri="{FF2B5EF4-FFF2-40B4-BE49-F238E27FC236}">
                <a16:creationId xmlns:a16="http://schemas.microsoft.com/office/drawing/2014/main" id="{3B9AA0EB-F0A3-4762-8F34-37470FC9913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841793" y="1853248"/>
            <a:ext cx="10541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577E98"/>
                </a:solidFill>
                <a:latin typeface="Arial" panose="020B0604020202020204" pitchFamily="34" charset="0"/>
              </a:rPr>
              <a:t>March Calendar</a:t>
            </a:r>
          </a:p>
        </p:txBody>
      </p:sp>
      <p:sp>
        <p:nvSpPr>
          <p:cNvPr id="85" name="OTLSHAPE_T_e25b31ac893a4be7afae4956af9c40d1_JoinedDate">
            <a:extLst>
              <a:ext uri="{FF2B5EF4-FFF2-40B4-BE49-F238E27FC236}">
                <a16:creationId xmlns:a16="http://schemas.microsoft.com/office/drawing/2014/main" id="{BD37E4E5-EB59-4A02-B8E7-15275D178CD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40004" y="2200275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3 - Jan 20</a:t>
            </a:r>
          </a:p>
        </p:txBody>
      </p:sp>
      <p:sp>
        <p:nvSpPr>
          <p:cNvPr id="86" name="OTLSHAPE_T_e25b31ac893a4be7afae4956af9c40d1_Title">
            <a:extLst>
              <a:ext uri="{FF2B5EF4-FFF2-40B4-BE49-F238E27FC236}">
                <a16:creationId xmlns:a16="http://schemas.microsoft.com/office/drawing/2014/main" id="{E2142199-520D-4724-9C04-1F0E2867F1E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928370" y="2360295"/>
            <a:ext cx="1701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FDFAED"/>
                </a:solidFill>
                <a:latin typeface="Arial" panose="020B0604020202020204" pitchFamily="34" charset="0"/>
              </a:rPr>
              <a:t>Post: Planning with Templates</a:t>
            </a:r>
          </a:p>
        </p:txBody>
      </p:sp>
      <p:sp>
        <p:nvSpPr>
          <p:cNvPr id="93" name="OTLSHAPE_T_c357894546f24e1a974050b746c082b7_JoinedDate">
            <a:extLst>
              <a:ext uri="{FF2B5EF4-FFF2-40B4-BE49-F238E27FC236}">
                <a16:creationId xmlns:a16="http://schemas.microsoft.com/office/drawing/2014/main" id="{8C140E42-C15A-4621-A0EF-0DBFA74F18D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473172" y="220027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7 - Feb 16</a:t>
            </a:r>
          </a:p>
        </p:txBody>
      </p:sp>
      <p:sp>
        <p:nvSpPr>
          <p:cNvPr id="94" name="OTLSHAPE_T_c357894546f24e1a974050b746c082b7_Title">
            <a:extLst>
              <a:ext uri="{FF2B5EF4-FFF2-40B4-BE49-F238E27FC236}">
                <a16:creationId xmlns:a16="http://schemas.microsoft.com/office/drawing/2014/main" id="{16352E4C-38A4-4383-B68D-748B1B1069E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678046" y="2360295"/>
            <a:ext cx="635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68563A"/>
                </a:solidFill>
                <a:latin typeface="Arial" panose="020B0604020202020204" pitchFamily="34" charset="0"/>
              </a:rPr>
              <a:t>Infographic</a:t>
            </a:r>
          </a:p>
        </p:txBody>
      </p:sp>
      <p:sp>
        <p:nvSpPr>
          <p:cNvPr id="101" name="OTLSHAPE_T_5a97f99b39764d22847c50f16e4d66ca_JoinedDate">
            <a:extLst>
              <a:ext uri="{FF2B5EF4-FFF2-40B4-BE49-F238E27FC236}">
                <a16:creationId xmlns:a16="http://schemas.microsoft.com/office/drawing/2014/main" id="{EABEA181-753A-4709-A73E-384A7D23B24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379706" y="220027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Mar 7 - Mar 24</a:t>
            </a:r>
          </a:p>
        </p:txBody>
      </p:sp>
      <p:sp>
        <p:nvSpPr>
          <p:cNvPr id="102" name="OTLSHAPE_T_5a97f99b39764d22847c50f16e4d66ca_Title">
            <a:extLst>
              <a:ext uri="{FF2B5EF4-FFF2-40B4-BE49-F238E27FC236}">
                <a16:creationId xmlns:a16="http://schemas.microsoft.com/office/drawing/2014/main" id="{FDDC9A22-C0A8-4993-8809-FCBFB98CB10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470443" y="2360295"/>
            <a:ext cx="1689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FDFAED"/>
                </a:solidFill>
                <a:latin typeface="Arial" panose="020B0604020202020204" pitchFamily="34" charset="0"/>
              </a:rPr>
              <a:t>SEO article: Content Planning</a:t>
            </a:r>
          </a:p>
        </p:txBody>
      </p:sp>
      <p:sp>
        <p:nvSpPr>
          <p:cNvPr id="109" name="OTLSHAPE_T_093c5dd969744a979fa9f22f3b08d52a_JoinedDate">
            <a:extLst>
              <a:ext uri="{FF2B5EF4-FFF2-40B4-BE49-F238E27FC236}">
                <a16:creationId xmlns:a16="http://schemas.microsoft.com/office/drawing/2014/main" id="{D1717C22-B587-4B08-89AF-DC6D0F47CFD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293271" y="2598420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17 - Feb 2</a:t>
            </a:r>
          </a:p>
        </p:txBody>
      </p:sp>
      <p:sp>
        <p:nvSpPr>
          <p:cNvPr id="110" name="OTLSHAPE_T_093c5dd969744a979fa9f22f3b08d52a_Title">
            <a:extLst>
              <a:ext uri="{FF2B5EF4-FFF2-40B4-BE49-F238E27FC236}">
                <a16:creationId xmlns:a16="http://schemas.microsoft.com/office/drawing/2014/main" id="{0A6D57CE-9060-4D68-977C-CA519922049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360405" y="2758440"/>
            <a:ext cx="1638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FDFAED"/>
                </a:solidFill>
                <a:latin typeface="Arial" panose="020B0604020202020204" pitchFamily="34" charset="0"/>
              </a:rPr>
              <a:t>Guest post: Status Reporting</a:t>
            </a:r>
          </a:p>
        </p:txBody>
      </p:sp>
      <p:sp>
        <p:nvSpPr>
          <p:cNvPr id="117" name="OTLSHAPE_T_21652946abae4b94a6455262ed3171da_JoinedDate">
            <a:extLst>
              <a:ext uri="{FF2B5EF4-FFF2-40B4-BE49-F238E27FC236}">
                <a16:creationId xmlns:a16="http://schemas.microsoft.com/office/drawing/2014/main" id="{654BBACC-4414-4C44-9905-102DCD6AB70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134048" y="2598420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23 - Mar 14</a:t>
            </a:r>
          </a:p>
        </p:txBody>
      </p:sp>
      <p:sp>
        <p:nvSpPr>
          <p:cNvPr id="118" name="OTLSHAPE_T_21652946abae4b94a6455262ed3171da_Title">
            <a:extLst>
              <a:ext uri="{FF2B5EF4-FFF2-40B4-BE49-F238E27FC236}">
                <a16:creationId xmlns:a16="http://schemas.microsoft.com/office/drawing/2014/main" id="{B599EB0F-BF38-44EF-926F-5B557DA47F8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251014" y="2758440"/>
            <a:ext cx="1854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FDFAED"/>
                </a:solidFill>
                <a:latin typeface="Arial" panose="020B0604020202020204" pitchFamily="34" charset="0"/>
              </a:rPr>
              <a:t>Blog Category: Gantt Charts 101</a:t>
            </a:r>
          </a:p>
        </p:txBody>
      </p:sp>
      <p:sp>
        <p:nvSpPr>
          <p:cNvPr id="125" name="OTLSHAPE_T_5bd4d8612ccb4bf98d3f6e2ca8bdd3dc_JoinedDate">
            <a:extLst>
              <a:ext uri="{FF2B5EF4-FFF2-40B4-BE49-F238E27FC236}">
                <a16:creationId xmlns:a16="http://schemas.microsoft.com/office/drawing/2014/main" id="{457F0B7A-BD30-45BE-9691-06C9E8B12C0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736199" y="3060065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2 - Jan 23</a:t>
            </a:r>
          </a:p>
        </p:txBody>
      </p:sp>
      <p:sp>
        <p:nvSpPr>
          <p:cNvPr id="126" name="OTLSHAPE_T_5bd4d8612ccb4bf98d3f6e2ca8bdd3dc_Title">
            <a:extLst>
              <a:ext uri="{FF2B5EF4-FFF2-40B4-BE49-F238E27FC236}">
                <a16:creationId xmlns:a16="http://schemas.microsoft.com/office/drawing/2014/main" id="{E7DE7343-EE2B-449A-8371-BFA0D345716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813438" y="3220085"/>
            <a:ext cx="2133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>
                <a:solidFill>
                  <a:srgbClr val="FDFAED"/>
                </a:solidFill>
                <a:latin typeface="Arial" panose="020B0604020202020204" pitchFamily="34" charset="0"/>
              </a:rPr>
              <a:t>Branch: Visual Planning for Marketers</a:t>
            </a:r>
          </a:p>
        </p:txBody>
      </p:sp>
      <p:sp>
        <p:nvSpPr>
          <p:cNvPr id="133" name="OTLSHAPE_T_95b79694e7704f8799f9b5ff9f8e768e_JoinedDate">
            <a:extLst>
              <a:ext uri="{FF2B5EF4-FFF2-40B4-BE49-F238E27FC236}">
                <a16:creationId xmlns:a16="http://schemas.microsoft.com/office/drawing/2014/main" id="{ED10B3BD-D34A-4393-A18C-6B262BF7EC0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954148" y="306006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2 - Feb 18</a:t>
            </a:r>
          </a:p>
        </p:txBody>
      </p:sp>
      <p:sp>
        <p:nvSpPr>
          <p:cNvPr id="134" name="OTLSHAPE_T_95b79694e7704f8799f9b5ff9f8e768e_Title">
            <a:extLst>
              <a:ext uri="{FF2B5EF4-FFF2-40B4-BE49-F238E27FC236}">
                <a16:creationId xmlns:a16="http://schemas.microsoft.com/office/drawing/2014/main" id="{201820A4-55F1-44C6-8DD1-C185762964A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045920" y="3220085"/>
            <a:ext cx="1600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68563A"/>
                </a:solidFill>
                <a:latin typeface="Arial" panose="020B0604020202020204" pitchFamily="34" charset="0"/>
              </a:rPr>
              <a:t>Template: Content Calendar</a:t>
            </a:r>
          </a:p>
        </p:txBody>
      </p:sp>
      <p:sp>
        <p:nvSpPr>
          <p:cNvPr id="141" name="OTLSHAPE_T_9b5f599c7f5a4d8fbad7a9eae6be576e_JoinedDate">
            <a:extLst>
              <a:ext uri="{FF2B5EF4-FFF2-40B4-BE49-F238E27FC236}">
                <a16:creationId xmlns:a16="http://schemas.microsoft.com/office/drawing/2014/main" id="{FD078701-A86A-409E-BA39-FCCE1660DC6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106340" y="3060065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Mar 14 - Mar 29</a:t>
            </a:r>
          </a:p>
        </p:txBody>
      </p:sp>
      <p:sp>
        <p:nvSpPr>
          <p:cNvPr id="142" name="OTLSHAPE_T_9b5f599c7f5a4d8fbad7a9eae6be576e_Title">
            <a:extLst>
              <a:ext uri="{FF2B5EF4-FFF2-40B4-BE49-F238E27FC236}">
                <a16:creationId xmlns:a16="http://schemas.microsoft.com/office/drawing/2014/main" id="{5B84B74D-0635-4FA2-894E-5EE1A238EFB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182701" y="3220085"/>
            <a:ext cx="1511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FDFAED"/>
                </a:solidFill>
                <a:latin typeface="Arial" panose="020B0604020202020204" pitchFamily="34" charset="0"/>
              </a:rPr>
              <a:t>Branch: Task Management</a:t>
            </a:r>
          </a:p>
        </p:txBody>
      </p:sp>
      <p:sp>
        <p:nvSpPr>
          <p:cNvPr id="149" name="OTLSHAPE_T_bc916c3b9137486b80c3f5ce4f8a84b9_JoinedDate">
            <a:extLst>
              <a:ext uri="{FF2B5EF4-FFF2-40B4-BE49-F238E27FC236}">
                <a16:creationId xmlns:a16="http://schemas.microsoft.com/office/drawing/2014/main" id="{AD2E47E4-DBB6-40A9-9157-56E7E7EB299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397076" y="3458210"/>
            <a:ext cx="800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18 - Jan 27</a:t>
            </a:r>
          </a:p>
        </p:txBody>
      </p:sp>
      <p:sp>
        <p:nvSpPr>
          <p:cNvPr id="150" name="OTLSHAPE_T_bc916c3b9137486b80c3f5ce4f8a84b9_Title">
            <a:extLst>
              <a:ext uri="{FF2B5EF4-FFF2-40B4-BE49-F238E27FC236}">
                <a16:creationId xmlns:a16="http://schemas.microsoft.com/office/drawing/2014/main" id="{B319D2FA-F258-4913-BA1C-0E49219CCB5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531360" y="3618230"/>
            <a:ext cx="774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FDFAED"/>
                </a:solidFill>
                <a:latin typeface="Arial" panose="020B0604020202020204" pitchFamily="34" charset="0"/>
              </a:rPr>
              <a:t>Product Page</a:t>
            </a:r>
          </a:p>
        </p:txBody>
      </p:sp>
      <p:sp>
        <p:nvSpPr>
          <p:cNvPr id="157" name="OTLSHAPE_T_a62f923b81444a1989da92a41161b44a_JoinedDate">
            <a:extLst>
              <a:ext uri="{FF2B5EF4-FFF2-40B4-BE49-F238E27FC236}">
                <a16:creationId xmlns:a16="http://schemas.microsoft.com/office/drawing/2014/main" id="{682BAE16-CE0F-48A5-8F20-BE6BC42FDAB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199805" y="3458210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14 - Feb 24</a:t>
            </a:r>
          </a:p>
        </p:txBody>
      </p:sp>
      <p:sp>
        <p:nvSpPr>
          <p:cNvPr id="158" name="OTLSHAPE_T_a62f923b81444a1989da92a41161b44a_Title">
            <a:extLst>
              <a:ext uri="{FF2B5EF4-FFF2-40B4-BE49-F238E27FC236}">
                <a16:creationId xmlns:a16="http://schemas.microsoft.com/office/drawing/2014/main" id="{702FB773-E545-43C1-B944-D8E8524D5F57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287186" y="3618230"/>
            <a:ext cx="977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rgbClr val="68563A"/>
                </a:solidFill>
                <a:latin typeface="Arial" panose="020B0604020202020204" pitchFamily="34" charset="0"/>
              </a:rPr>
              <a:t>Testimonial Page</a:t>
            </a:r>
          </a:p>
        </p:txBody>
      </p:sp>
      <p:sp>
        <p:nvSpPr>
          <p:cNvPr id="165" name="OTLSHAPE_T_0108a8c40b72414487ee8904ab640741_JoinedDate">
            <a:extLst>
              <a:ext uri="{FF2B5EF4-FFF2-40B4-BE49-F238E27FC236}">
                <a16:creationId xmlns:a16="http://schemas.microsoft.com/office/drawing/2014/main" id="{6D107D06-F73A-415A-8F56-673E2948432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653072" y="3458210"/>
            <a:ext cx="812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61695B"/>
                </a:solidFill>
                <a:latin typeface="Arial" panose="020B0604020202020204" pitchFamily="34" charset="0"/>
              </a:rPr>
              <a:t>Feb 28 - Mar 11</a:t>
            </a:r>
          </a:p>
        </p:txBody>
      </p:sp>
      <p:sp>
        <p:nvSpPr>
          <p:cNvPr id="166" name="OTLSHAPE_T_0108a8c40b72414487ee8904ab640741_Title">
            <a:extLst>
              <a:ext uri="{FF2B5EF4-FFF2-40B4-BE49-F238E27FC236}">
                <a16:creationId xmlns:a16="http://schemas.microsoft.com/office/drawing/2014/main" id="{F1D3FE17-D0AC-49DB-A745-C3B2DA33D3B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781751" y="3618230"/>
            <a:ext cx="990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2">
                <a:solidFill>
                  <a:srgbClr val="FDFAED"/>
                </a:solidFill>
                <a:latin typeface="Arial" panose="020B0604020202020204" pitchFamily="34" charset="0"/>
              </a:rPr>
              <a:t>Case Study Page</a:t>
            </a:r>
          </a:p>
        </p:txBody>
      </p:sp>
      <p:sp>
        <p:nvSpPr>
          <p:cNvPr id="173" name="OTLSHAPE_T_62ccbcb167a14716929a0b0805d66b5f_JoinedDate">
            <a:extLst>
              <a:ext uri="{FF2B5EF4-FFF2-40B4-BE49-F238E27FC236}">
                <a16:creationId xmlns:a16="http://schemas.microsoft.com/office/drawing/2014/main" id="{900F9F20-509C-41CC-8713-05A88D95C60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255223" y="3919855"/>
            <a:ext cx="73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Jan 7 - Jan 20</a:t>
            </a:r>
          </a:p>
        </p:txBody>
      </p:sp>
      <p:sp>
        <p:nvSpPr>
          <p:cNvPr id="174" name="OTLSHAPE_T_62ccbcb167a14716929a0b0805d66b5f_Title">
            <a:extLst>
              <a:ext uri="{FF2B5EF4-FFF2-40B4-BE49-F238E27FC236}">
                <a16:creationId xmlns:a16="http://schemas.microsoft.com/office/drawing/2014/main" id="{8EBA3F50-92C8-4509-9B23-59E8E3C16C4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488934" y="4079875"/>
            <a:ext cx="990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FDFAED"/>
                </a:solidFill>
                <a:latin typeface="Arial" panose="020B0604020202020204" pitchFamily="34" charset="0"/>
              </a:rPr>
              <a:t>Quick Start Video</a:t>
            </a:r>
          </a:p>
        </p:txBody>
      </p:sp>
      <p:sp>
        <p:nvSpPr>
          <p:cNvPr id="181" name="OTLSHAPE_T_3c934d68999e4394a99af49359b39c6d_JoinedDate">
            <a:extLst>
              <a:ext uri="{FF2B5EF4-FFF2-40B4-BE49-F238E27FC236}">
                <a16:creationId xmlns:a16="http://schemas.microsoft.com/office/drawing/2014/main" id="{A8FC5586-9CF0-4501-885D-105C04D4DE2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057953" y="391985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Feb 3 - Feb 19</a:t>
            </a:r>
          </a:p>
        </p:txBody>
      </p:sp>
      <p:sp>
        <p:nvSpPr>
          <p:cNvPr id="182" name="OTLSHAPE_T_3c934d68999e4394a99af49359b39c6d_Title">
            <a:extLst>
              <a:ext uri="{FF2B5EF4-FFF2-40B4-BE49-F238E27FC236}">
                <a16:creationId xmlns:a16="http://schemas.microsoft.com/office/drawing/2014/main" id="{5E417602-8EBF-4731-A3F1-0020C420EE9C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185009" y="4079875"/>
            <a:ext cx="1511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68563A"/>
                </a:solidFill>
                <a:latin typeface="Arial" panose="020B0604020202020204" pitchFamily="34" charset="0"/>
              </a:rPr>
              <a:t>KB Article: Assigning users</a:t>
            </a:r>
          </a:p>
        </p:txBody>
      </p:sp>
      <p:sp>
        <p:nvSpPr>
          <p:cNvPr id="189" name="OTLSHAPE_T_b408e2a948f7418c97bdd14c5279b142_JoinedDate">
            <a:extLst>
              <a:ext uri="{FF2B5EF4-FFF2-40B4-BE49-F238E27FC236}">
                <a16:creationId xmlns:a16="http://schemas.microsoft.com/office/drawing/2014/main" id="{27D1A8B5-D60D-4482-9E3C-08A70DC1880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106340" y="3919855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61695B"/>
                </a:solidFill>
                <a:latin typeface="Arial" panose="020B0604020202020204" pitchFamily="34" charset="0"/>
              </a:rPr>
              <a:t>Mar 14 - Mar 28</a:t>
            </a:r>
          </a:p>
        </p:txBody>
      </p:sp>
      <p:sp>
        <p:nvSpPr>
          <p:cNvPr id="190" name="OTLSHAPE_T_b408e2a948f7418c97bdd14c5279b142_Title">
            <a:extLst>
              <a:ext uri="{FF2B5EF4-FFF2-40B4-BE49-F238E27FC236}">
                <a16:creationId xmlns:a16="http://schemas.microsoft.com/office/drawing/2014/main" id="{D3D40684-B9C4-4CBA-8E70-BF85E0F37B1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254327" y="4079875"/>
            <a:ext cx="12700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rgbClr val="FDFAED"/>
                </a:solidFill>
                <a:latin typeface="Arial" panose="020B0604020202020204" pitchFamily="34" charset="0"/>
              </a:rPr>
              <a:t>Webinar for Beginners</a:t>
            </a:r>
          </a:p>
        </p:txBody>
      </p:sp>
      <p:sp>
        <p:nvSpPr>
          <p:cNvPr id="58" name="OTLSHAPE_T_1f310e4a34b4489ba6d6d8baa2aec67e_Duration" hidden="1">
            <a:extLst>
              <a:ext uri="{FF2B5EF4-FFF2-40B4-BE49-F238E27FC236}">
                <a16:creationId xmlns:a16="http://schemas.microsoft.com/office/drawing/2014/main" id="{89C3E391-9624-4287-B51A-63B35066646A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21 days</a:t>
            </a:r>
          </a:p>
        </p:txBody>
      </p:sp>
      <p:sp>
        <p:nvSpPr>
          <p:cNvPr id="59" name="OTLSHAPE_T_1f310e4a34b4489ba6d6d8baa2aec67e_JoinedDate" hidden="1">
            <a:extLst>
              <a:ext uri="{FF2B5EF4-FFF2-40B4-BE49-F238E27FC236}">
                <a16:creationId xmlns:a16="http://schemas.microsoft.com/office/drawing/2014/main" id="{A00C1A68-38D8-4EC7-8E54-A47BC701BB7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541298"/>
            <a:ext cx="736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61695B"/>
                </a:solidFill>
                <a:latin typeface="Arial" panose="020B0604020202020204" pitchFamily="34" charset="0"/>
              </a:rPr>
              <a:t>Jan 1 - Jan 31</a:t>
            </a:r>
          </a:p>
        </p:txBody>
      </p:sp>
      <p:sp>
        <p:nvSpPr>
          <p:cNvPr id="60" name="OTLSHAPE_T_1f310e4a34b4489ba6d6d8baa2aec67e_StartDate" hidden="1">
            <a:extLst>
              <a:ext uri="{FF2B5EF4-FFF2-40B4-BE49-F238E27FC236}">
                <a16:creationId xmlns:a16="http://schemas.microsoft.com/office/drawing/2014/main" id="{7FF0749D-F565-4E36-A9E6-57BB1D20FD1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61" name="OTLSHAPE_T_1f310e4a34b4489ba6d6d8baa2aec67e_EndDate" hidden="1">
            <a:extLst>
              <a:ext uri="{FF2B5EF4-FFF2-40B4-BE49-F238E27FC236}">
                <a16:creationId xmlns:a16="http://schemas.microsoft.com/office/drawing/2014/main" id="{6639E2F0-D133-4400-9C87-F37B2A72E3FD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63" name="OTLSHAPE_T_1f310e4a34b4489ba6d6d8baa2aec67e_TextPercentage" hidden="1">
            <a:extLst>
              <a:ext uri="{FF2B5EF4-FFF2-40B4-BE49-F238E27FC236}">
                <a16:creationId xmlns:a16="http://schemas.microsoft.com/office/drawing/2014/main" id="{66F35616-2B08-4DFE-B008-78D81A7B6C3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6" name="OTLSHAPE_T_deffbe1fd0a14a2c8b48f327a942dbb3_Duration" hidden="1">
            <a:extLst>
              <a:ext uri="{FF2B5EF4-FFF2-40B4-BE49-F238E27FC236}">
                <a16:creationId xmlns:a16="http://schemas.microsoft.com/office/drawing/2014/main" id="{2854A46C-60F6-4BD2-B7AF-2A3F87A1494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20 days</a:t>
            </a:r>
          </a:p>
        </p:txBody>
      </p:sp>
      <p:sp>
        <p:nvSpPr>
          <p:cNvPr id="67" name="OTLSHAPE_T_deffbe1fd0a14a2c8b48f327a942dbb3_JoinedDate" hidden="1">
            <a:extLst>
              <a:ext uri="{FF2B5EF4-FFF2-40B4-BE49-F238E27FC236}">
                <a16:creationId xmlns:a16="http://schemas.microsoft.com/office/drawing/2014/main" id="{02F786FF-65BA-4310-B7B7-6ADAB8F0935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61695B"/>
                </a:solidFill>
                <a:latin typeface="Arial" panose="020B0604020202020204" pitchFamily="34" charset="0"/>
              </a:rPr>
              <a:t>Feb 1 - Feb 28</a:t>
            </a:r>
          </a:p>
        </p:txBody>
      </p:sp>
      <p:sp>
        <p:nvSpPr>
          <p:cNvPr id="68" name="OTLSHAPE_T_deffbe1fd0a14a2c8b48f327a942dbb3_StartDate" hidden="1">
            <a:extLst>
              <a:ext uri="{FF2B5EF4-FFF2-40B4-BE49-F238E27FC236}">
                <a16:creationId xmlns:a16="http://schemas.microsoft.com/office/drawing/2014/main" id="{693A8EA9-05D3-4F9B-8C04-4B736B452101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69" name="OTLSHAPE_T_deffbe1fd0a14a2c8b48f327a942dbb3_EndDate" hidden="1">
            <a:extLst>
              <a:ext uri="{FF2B5EF4-FFF2-40B4-BE49-F238E27FC236}">
                <a16:creationId xmlns:a16="http://schemas.microsoft.com/office/drawing/2014/main" id="{B1D98107-96A6-4121-898A-9CBB3A356D7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71" name="OTLSHAPE_T_deffbe1fd0a14a2c8b48f327a942dbb3_TextPercentage" hidden="1">
            <a:extLst>
              <a:ext uri="{FF2B5EF4-FFF2-40B4-BE49-F238E27FC236}">
                <a16:creationId xmlns:a16="http://schemas.microsoft.com/office/drawing/2014/main" id="{7A296186-6667-4946-AADB-ECFA917828C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74" name="OTLSHAPE_T_125354cf96a64014866671f0ad6e348a_Duration" hidden="1">
            <a:extLst>
              <a:ext uri="{FF2B5EF4-FFF2-40B4-BE49-F238E27FC236}">
                <a16:creationId xmlns:a16="http://schemas.microsoft.com/office/drawing/2014/main" id="{0FE42DA8-C858-4D08-A86B-59538E499B5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23 days</a:t>
            </a:r>
          </a:p>
        </p:txBody>
      </p:sp>
      <p:sp>
        <p:nvSpPr>
          <p:cNvPr id="75" name="OTLSHAPE_T_125354cf96a64014866671f0ad6e348a_JoinedDate" hidden="1">
            <a:extLst>
              <a:ext uri="{FF2B5EF4-FFF2-40B4-BE49-F238E27FC236}">
                <a16:creationId xmlns:a16="http://schemas.microsoft.com/office/drawing/2014/main" id="{AB8DAD3C-5B57-48BE-842B-2A5BDA20196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61695B"/>
                </a:solidFill>
                <a:latin typeface="Arial" panose="020B0604020202020204" pitchFamily="34" charset="0"/>
              </a:rPr>
              <a:t>Mar 1 - Mar 31</a:t>
            </a:r>
          </a:p>
        </p:txBody>
      </p:sp>
      <p:sp>
        <p:nvSpPr>
          <p:cNvPr id="76" name="OTLSHAPE_T_125354cf96a64014866671f0ad6e348a_StartDate" hidden="1">
            <a:extLst>
              <a:ext uri="{FF2B5EF4-FFF2-40B4-BE49-F238E27FC236}">
                <a16:creationId xmlns:a16="http://schemas.microsoft.com/office/drawing/2014/main" id="{59A5468F-D4CB-4E56-B3DF-116CD40E8E4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77" name="OTLSHAPE_T_125354cf96a64014866671f0ad6e348a_EndDate" hidden="1">
            <a:extLst>
              <a:ext uri="{FF2B5EF4-FFF2-40B4-BE49-F238E27FC236}">
                <a16:creationId xmlns:a16="http://schemas.microsoft.com/office/drawing/2014/main" id="{2050BAC9-3B41-4BA9-8D56-EA114B81F8FB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79" name="OTLSHAPE_T_125354cf96a64014866671f0ad6e348a_TextPercentage" hidden="1">
            <a:extLst>
              <a:ext uri="{FF2B5EF4-FFF2-40B4-BE49-F238E27FC236}">
                <a16:creationId xmlns:a16="http://schemas.microsoft.com/office/drawing/2014/main" id="{AC67ECF7-2636-43F3-8B23-ECCDC86FC006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82" name="OTLSHAPE_T_e25b31ac893a4be7afae4956af9c40d1_Duration" hidden="1">
            <a:extLst>
              <a:ext uri="{FF2B5EF4-FFF2-40B4-BE49-F238E27FC236}">
                <a16:creationId xmlns:a16="http://schemas.microsoft.com/office/drawing/2014/main" id="{3B0D9478-9A94-486E-9283-63B40324DA0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14 days</a:t>
            </a:r>
          </a:p>
        </p:txBody>
      </p:sp>
      <p:sp>
        <p:nvSpPr>
          <p:cNvPr id="83" name="OTLSHAPE_T_e25b31ac893a4be7afae4956af9c40d1_StartDate" hidden="1">
            <a:extLst>
              <a:ext uri="{FF2B5EF4-FFF2-40B4-BE49-F238E27FC236}">
                <a16:creationId xmlns:a16="http://schemas.microsoft.com/office/drawing/2014/main" id="{4586AE78-3E77-42D1-897E-46B8FC682DB4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84" name="OTLSHAPE_T_e25b31ac893a4be7afae4956af9c40d1_EndDate" hidden="1">
            <a:extLst>
              <a:ext uri="{FF2B5EF4-FFF2-40B4-BE49-F238E27FC236}">
                <a16:creationId xmlns:a16="http://schemas.microsoft.com/office/drawing/2014/main" id="{B7918228-6220-4786-B119-E1ED1BDB65F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87" name="OTLSHAPE_T_e25b31ac893a4be7afae4956af9c40d1_TextPercentage" hidden="1">
            <a:extLst>
              <a:ext uri="{FF2B5EF4-FFF2-40B4-BE49-F238E27FC236}">
                <a16:creationId xmlns:a16="http://schemas.microsoft.com/office/drawing/2014/main" id="{4E26D028-C598-4DEC-B9AF-67658483CBE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90" name="OTLSHAPE_T_c357894546f24e1a974050b746c082b7_Duration" hidden="1">
            <a:extLst>
              <a:ext uri="{FF2B5EF4-FFF2-40B4-BE49-F238E27FC236}">
                <a16:creationId xmlns:a16="http://schemas.microsoft.com/office/drawing/2014/main" id="{AF34AD41-5F46-4C71-BC05-A2EB34C1F8E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8 days</a:t>
            </a:r>
          </a:p>
        </p:txBody>
      </p:sp>
      <p:sp>
        <p:nvSpPr>
          <p:cNvPr id="91" name="OTLSHAPE_T_c357894546f24e1a974050b746c082b7_StartDate" hidden="1">
            <a:extLst>
              <a:ext uri="{FF2B5EF4-FFF2-40B4-BE49-F238E27FC236}">
                <a16:creationId xmlns:a16="http://schemas.microsoft.com/office/drawing/2014/main" id="{0D38A13F-453E-42C3-A94E-90496F47F257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92" name="OTLSHAPE_T_c357894546f24e1a974050b746c082b7_EndDate" hidden="1">
            <a:extLst>
              <a:ext uri="{FF2B5EF4-FFF2-40B4-BE49-F238E27FC236}">
                <a16:creationId xmlns:a16="http://schemas.microsoft.com/office/drawing/2014/main" id="{168BF725-2574-4A67-9D53-F24F7EE0EC0D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95" name="OTLSHAPE_T_c357894546f24e1a974050b746c082b7_TextPercentage" hidden="1">
            <a:extLst>
              <a:ext uri="{FF2B5EF4-FFF2-40B4-BE49-F238E27FC236}">
                <a16:creationId xmlns:a16="http://schemas.microsoft.com/office/drawing/2014/main" id="{DF4BE74B-16F5-4D2E-9372-706101CEFEA3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98" name="OTLSHAPE_T_5a97f99b39764d22847c50f16e4d66ca_Duration" hidden="1">
            <a:extLst>
              <a:ext uri="{FF2B5EF4-FFF2-40B4-BE49-F238E27FC236}">
                <a16:creationId xmlns:a16="http://schemas.microsoft.com/office/drawing/2014/main" id="{C6FF6CAF-4744-4DA3-81C9-2FA4DAF0339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14 days</a:t>
            </a:r>
          </a:p>
        </p:txBody>
      </p:sp>
      <p:sp>
        <p:nvSpPr>
          <p:cNvPr id="99" name="OTLSHAPE_T_5a97f99b39764d22847c50f16e4d66ca_StartDate" hidden="1">
            <a:extLst>
              <a:ext uri="{FF2B5EF4-FFF2-40B4-BE49-F238E27FC236}">
                <a16:creationId xmlns:a16="http://schemas.microsoft.com/office/drawing/2014/main" id="{07E98C72-6394-4748-AFDE-6D4D1811C49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00" name="OTLSHAPE_T_5a97f99b39764d22847c50f16e4d66ca_EndDate" hidden="1">
            <a:extLst>
              <a:ext uri="{FF2B5EF4-FFF2-40B4-BE49-F238E27FC236}">
                <a16:creationId xmlns:a16="http://schemas.microsoft.com/office/drawing/2014/main" id="{1654376D-D2FD-4804-8850-B74D23148BB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03" name="OTLSHAPE_T_5a97f99b39764d22847c50f16e4d66ca_TextPercentage" hidden="1">
            <a:extLst>
              <a:ext uri="{FF2B5EF4-FFF2-40B4-BE49-F238E27FC236}">
                <a16:creationId xmlns:a16="http://schemas.microsoft.com/office/drawing/2014/main" id="{F7D1A483-FDAA-4C55-AE36-ED8F9CD98501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06" name="OTLSHAPE_T_093c5dd969744a979fa9f22f3b08d52a_Duration" hidden="1">
            <a:extLst>
              <a:ext uri="{FF2B5EF4-FFF2-40B4-BE49-F238E27FC236}">
                <a16:creationId xmlns:a16="http://schemas.microsoft.com/office/drawing/2014/main" id="{27476D1F-B51C-460C-AA66-34C3E0D7319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13 days</a:t>
            </a:r>
          </a:p>
        </p:txBody>
      </p:sp>
      <p:sp>
        <p:nvSpPr>
          <p:cNvPr id="107" name="OTLSHAPE_T_093c5dd969744a979fa9f22f3b08d52a_StartDate" hidden="1">
            <a:extLst>
              <a:ext uri="{FF2B5EF4-FFF2-40B4-BE49-F238E27FC236}">
                <a16:creationId xmlns:a16="http://schemas.microsoft.com/office/drawing/2014/main" id="{6D4A4F38-37C2-44AC-825D-66F141F2E70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08" name="OTLSHAPE_T_093c5dd969744a979fa9f22f3b08d52a_EndDate" hidden="1">
            <a:extLst>
              <a:ext uri="{FF2B5EF4-FFF2-40B4-BE49-F238E27FC236}">
                <a16:creationId xmlns:a16="http://schemas.microsoft.com/office/drawing/2014/main" id="{C52F33A2-0D90-48AE-ACCB-C31FB367D27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11" name="OTLSHAPE_T_093c5dd969744a979fa9f22f3b08d52a_TextPercentage" hidden="1">
            <a:extLst>
              <a:ext uri="{FF2B5EF4-FFF2-40B4-BE49-F238E27FC236}">
                <a16:creationId xmlns:a16="http://schemas.microsoft.com/office/drawing/2014/main" id="{360F21B4-4F53-49C7-B1C7-87B6EF2FCAE2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14" name="OTLSHAPE_T_21652946abae4b94a6455262ed3171da_Duration" hidden="1">
            <a:extLst>
              <a:ext uri="{FF2B5EF4-FFF2-40B4-BE49-F238E27FC236}">
                <a16:creationId xmlns:a16="http://schemas.microsoft.com/office/drawing/2014/main" id="{8DC4BF40-1746-4551-985B-369148DBB6E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14 days</a:t>
            </a:r>
          </a:p>
        </p:txBody>
      </p:sp>
      <p:sp>
        <p:nvSpPr>
          <p:cNvPr id="115" name="OTLSHAPE_T_21652946abae4b94a6455262ed3171da_StartDate" hidden="1">
            <a:extLst>
              <a:ext uri="{FF2B5EF4-FFF2-40B4-BE49-F238E27FC236}">
                <a16:creationId xmlns:a16="http://schemas.microsoft.com/office/drawing/2014/main" id="{FB9E9356-0830-4416-9CE8-08F306108B4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16" name="OTLSHAPE_T_21652946abae4b94a6455262ed3171da_EndDate" hidden="1">
            <a:extLst>
              <a:ext uri="{FF2B5EF4-FFF2-40B4-BE49-F238E27FC236}">
                <a16:creationId xmlns:a16="http://schemas.microsoft.com/office/drawing/2014/main" id="{6BCB0412-F171-4566-B1A7-D598C838F2C0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19" name="OTLSHAPE_T_21652946abae4b94a6455262ed3171da_TextPercentage" hidden="1">
            <a:extLst>
              <a:ext uri="{FF2B5EF4-FFF2-40B4-BE49-F238E27FC236}">
                <a16:creationId xmlns:a16="http://schemas.microsoft.com/office/drawing/2014/main" id="{0728DE88-C1B3-4F99-815F-0A0A0AFC55FF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22" name="OTLSHAPE_T_5bd4d8612ccb4bf98d3f6e2ca8bdd3dc_Duration" hidden="1">
            <a:extLst>
              <a:ext uri="{FF2B5EF4-FFF2-40B4-BE49-F238E27FC236}">
                <a16:creationId xmlns:a16="http://schemas.microsoft.com/office/drawing/2014/main" id="{544D62BA-8354-49B2-A347-93AE9DD8881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15 days</a:t>
            </a:r>
          </a:p>
        </p:txBody>
      </p:sp>
      <p:sp>
        <p:nvSpPr>
          <p:cNvPr id="123" name="OTLSHAPE_T_5bd4d8612ccb4bf98d3f6e2ca8bdd3dc_StartDate" hidden="1">
            <a:extLst>
              <a:ext uri="{FF2B5EF4-FFF2-40B4-BE49-F238E27FC236}">
                <a16:creationId xmlns:a16="http://schemas.microsoft.com/office/drawing/2014/main" id="{126A9723-5216-49FB-AF11-30968CA8B12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24" name="OTLSHAPE_T_5bd4d8612ccb4bf98d3f6e2ca8bdd3dc_EndDate" hidden="1">
            <a:extLst>
              <a:ext uri="{FF2B5EF4-FFF2-40B4-BE49-F238E27FC236}">
                <a16:creationId xmlns:a16="http://schemas.microsoft.com/office/drawing/2014/main" id="{658BE9B8-9A78-4A29-BD91-9EBD53F4C7C4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27" name="OTLSHAPE_T_5bd4d8612ccb4bf98d3f6e2ca8bdd3dc_TextPercentage" hidden="1">
            <a:extLst>
              <a:ext uri="{FF2B5EF4-FFF2-40B4-BE49-F238E27FC236}">
                <a16:creationId xmlns:a16="http://schemas.microsoft.com/office/drawing/2014/main" id="{B0825311-117E-48E3-8EA2-DD82119C497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30" name="OTLSHAPE_T_95b79694e7704f8799f9b5ff9f8e768e_Duration" hidden="1">
            <a:extLst>
              <a:ext uri="{FF2B5EF4-FFF2-40B4-BE49-F238E27FC236}">
                <a16:creationId xmlns:a16="http://schemas.microsoft.com/office/drawing/2014/main" id="{C4C06968-D9A8-413A-9DA7-6D4379B71688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13 days</a:t>
            </a:r>
          </a:p>
        </p:txBody>
      </p:sp>
      <p:sp>
        <p:nvSpPr>
          <p:cNvPr id="131" name="OTLSHAPE_T_95b79694e7704f8799f9b5ff9f8e768e_StartDate" hidden="1">
            <a:extLst>
              <a:ext uri="{FF2B5EF4-FFF2-40B4-BE49-F238E27FC236}">
                <a16:creationId xmlns:a16="http://schemas.microsoft.com/office/drawing/2014/main" id="{2EAF7C77-BFF1-4543-90EF-446A1E101B8E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32" name="OTLSHAPE_T_95b79694e7704f8799f9b5ff9f8e768e_EndDate" hidden="1">
            <a:extLst>
              <a:ext uri="{FF2B5EF4-FFF2-40B4-BE49-F238E27FC236}">
                <a16:creationId xmlns:a16="http://schemas.microsoft.com/office/drawing/2014/main" id="{84BD12EF-2E0A-44E8-8DC4-DC442776ED45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35" name="OTLSHAPE_T_95b79694e7704f8799f9b5ff9f8e768e_TextPercentage" hidden="1">
            <a:extLst>
              <a:ext uri="{FF2B5EF4-FFF2-40B4-BE49-F238E27FC236}">
                <a16:creationId xmlns:a16="http://schemas.microsoft.com/office/drawing/2014/main" id="{90684851-8328-41C1-AF67-F3F69A5E2FE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38" name="OTLSHAPE_T_9b5f599c7f5a4d8fbad7a9eae6be576e_Duration" hidden="1">
            <a:extLst>
              <a:ext uri="{FF2B5EF4-FFF2-40B4-BE49-F238E27FC236}">
                <a16:creationId xmlns:a16="http://schemas.microsoft.com/office/drawing/2014/main" id="{35590942-796D-4D13-B2E2-3DC2606F09DA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12 days</a:t>
            </a:r>
          </a:p>
        </p:txBody>
      </p:sp>
      <p:sp>
        <p:nvSpPr>
          <p:cNvPr id="139" name="OTLSHAPE_T_9b5f599c7f5a4d8fbad7a9eae6be576e_StartDate" hidden="1">
            <a:extLst>
              <a:ext uri="{FF2B5EF4-FFF2-40B4-BE49-F238E27FC236}">
                <a16:creationId xmlns:a16="http://schemas.microsoft.com/office/drawing/2014/main" id="{10863250-82AF-463D-ACD3-314D9F004093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40" name="OTLSHAPE_T_9b5f599c7f5a4d8fbad7a9eae6be576e_EndDate" hidden="1">
            <a:extLst>
              <a:ext uri="{FF2B5EF4-FFF2-40B4-BE49-F238E27FC236}">
                <a16:creationId xmlns:a16="http://schemas.microsoft.com/office/drawing/2014/main" id="{59B7C5C3-7E4C-46DD-891B-7DC98E4CF1B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43" name="OTLSHAPE_T_9b5f599c7f5a4d8fbad7a9eae6be576e_TextPercentage" hidden="1">
            <a:extLst>
              <a:ext uri="{FF2B5EF4-FFF2-40B4-BE49-F238E27FC236}">
                <a16:creationId xmlns:a16="http://schemas.microsoft.com/office/drawing/2014/main" id="{23CD29A5-A14C-400A-A9E1-6EEE4E2E2A48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46" name="OTLSHAPE_T_bc916c3b9137486b80c3f5ce4f8a84b9_Duration" hidden="1">
            <a:extLst>
              <a:ext uri="{FF2B5EF4-FFF2-40B4-BE49-F238E27FC236}">
                <a16:creationId xmlns:a16="http://schemas.microsoft.com/office/drawing/2014/main" id="{6D375D9C-94F5-4C3B-ABF8-F031F3EF0DA8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8 days</a:t>
            </a:r>
          </a:p>
        </p:txBody>
      </p:sp>
      <p:sp>
        <p:nvSpPr>
          <p:cNvPr id="147" name="OTLSHAPE_T_bc916c3b9137486b80c3f5ce4f8a84b9_StartDate" hidden="1">
            <a:extLst>
              <a:ext uri="{FF2B5EF4-FFF2-40B4-BE49-F238E27FC236}">
                <a16:creationId xmlns:a16="http://schemas.microsoft.com/office/drawing/2014/main" id="{7E09B1FD-FEA3-46B4-9A6F-5BFEA0A92509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48" name="OTLSHAPE_T_bc916c3b9137486b80c3f5ce4f8a84b9_EndDate" hidden="1">
            <a:extLst>
              <a:ext uri="{FF2B5EF4-FFF2-40B4-BE49-F238E27FC236}">
                <a16:creationId xmlns:a16="http://schemas.microsoft.com/office/drawing/2014/main" id="{71042DDA-7535-41B7-8439-E8C8284ECD0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51" name="OTLSHAPE_T_bc916c3b9137486b80c3f5ce4f8a84b9_TextPercentage" hidden="1">
            <a:extLst>
              <a:ext uri="{FF2B5EF4-FFF2-40B4-BE49-F238E27FC236}">
                <a16:creationId xmlns:a16="http://schemas.microsoft.com/office/drawing/2014/main" id="{98EA0A7A-E3E3-452E-A452-EA1D019D345D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54" name="OTLSHAPE_T_a62f923b81444a1989da92a41161b44a_Duration" hidden="1">
            <a:extLst>
              <a:ext uri="{FF2B5EF4-FFF2-40B4-BE49-F238E27FC236}">
                <a16:creationId xmlns:a16="http://schemas.microsoft.com/office/drawing/2014/main" id="{22780E48-1CC6-44C8-AE33-8C7E6AEF29A5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9 days</a:t>
            </a:r>
          </a:p>
        </p:txBody>
      </p:sp>
      <p:sp>
        <p:nvSpPr>
          <p:cNvPr id="155" name="OTLSHAPE_T_a62f923b81444a1989da92a41161b44a_StartDate" hidden="1">
            <a:extLst>
              <a:ext uri="{FF2B5EF4-FFF2-40B4-BE49-F238E27FC236}">
                <a16:creationId xmlns:a16="http://schemas.microsoft.com/office/drawing/2014/main" id="{616AC904-559E-438B-AE0B-826949ED7AF8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56" name="OTLSHAPE_T_a62f923b81444a1989da92a41161b44a_EndDate" hidden="1">
            <a:extLst>
              <a:ext uri="{FF2B5EF4-FFF2-40B4-BE49-F238E27FC236}">
                <a16:creationId xmlns:a16="http://schemas.microsoft.com/office/drawing/2014/main" id="{E39C7608-A09B-4220-806D-EF0E93BD01B7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59" name="OTLSHAPE_T_a62f923b81444a1989da92a41161b44a_TextPercentage" hidden="1">
            <a:extLst>
              <a:ext uri="{FF2B5EF4-FFF2-40B4-BE49-F238E27FC236}">
                <a16:creationId xmlns:a16="http://schemas.microsoft.com/office/drawing/2014/main" id="{0D13F482-A2F7-4CAD-AB25-FBC7982D2032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62" name="OTLSHAPE_T_0108a8c40b72414487ee8904ab640741_Duration" hidden="1">
            <a:extLst>
              <a:ext uri="{FF2B5EF4-FFF2-40B4-BE49-F238E27FC236}">
                <a16:creationId xmlns:a16="http://schemas.microsoft.com/office/drawing/2014/main" id="{873D2B38-A9AC-4EC6-A0D1-4D9431D1342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10 days</a:t>
            </a:r>
          </a:p>
        </p:txBody>
      </p:sp>
      <p:sp>
        <p:nvSpPr>
          <p:cNvPr id="163" name="OTLSHAPE_T_0108a8c40b72414487ee8904ab640741_StartDate" hidden="1">
            <a:extLst>
              <a:ext uri="{FF2B5EF4-FFF2-40B4-BE49-F238E27FC236}">
                <a16:creationId xmlns:a16="http://schemas.microsoft.com/office/drawing/2014/main" id="{E232BA55-FB45-4714-8D9D-A63F56A932FF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64" name="OTLSHAPE_T_0108a8c40b72414487ee8904ab640741_EndDate" hidden="1">
            <a:extLst>
              <a:ext uri="{FF2B5EF4-FFF2-40B4-BE49-F238E27FC236}">
                <a16:creationId xmlns:a16="http://schemas.microsoft.com/office/drawing/2014/main" id="{56FB96A0-7B1E-4CCB-918B-D7842BBA90BB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67" name="OTLSHAPE_T_0108a8c40b72414487ee8904ab640741_TextPercentage" hidden="1">
            <a:extLst>
              <a:ext uri="{FF2B5EF4-FFF2-40B4-BE49-F238E27FC236}">
                <a16:creationId xmlns:a16="http://schemas.microsoft.com/office/drawing/2014/main" id="{44607BCF-7A81-4027-86D9-1D67B1C5A6EA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70" name="OTLSHAPE_T_62ccbcb167a14716929a0b0805d66b5f_Duration" hidden="1">
            <a:extLst>
              <a:ext uri="{FF2B5EF4-FFF2-40B4-BE49-F238E27FC236}">
                <a16:creationId xmlns:a16="http://schemas.microsoft.com/office/drawing/2014/main" id="{F2283AC6-2C47-4E6C-BFAD-8BA9412971C6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10 days</a:t>
            </a:r>
          </a:p>
        </p:txBody>
      </p:sp>
      <p:sp>
        <p:nvSpPr>
          <p:cNvPr id="171" name="OTLSHAPE_T_62ccbcb167a14716929a0b0805d66b5f_StartDate" hidden="1">
            <a:extLst>
              <a:ext uri="{FF2B5EF4-FFF2-40B4-BE49-F238E27FC236}">
                <a16:creationId xmlns:a16="http://schemas.microsoft.com/office/drawing/2014/main" id="{9648942E-9A9C-48FA-A599-2B04B6CA203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72" name="OTLSHAPE_T_62ccbcb167a14716929a0b0805d66b5f_EndDate" hidden="1">
            <a:extLst>
              <a:ext uri="{FF2B5EF4-FFF2-40B4-BE49-F238E27FC236}">
                <a16:creationId xmlns:a16="http://schemas.microsoft.com/office/drawing/2014/main" id="{8CDCDBF3-EEC0-48E6-92BB-D1FA414B68D3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75" name="OTLSHAPE_T_62ccbcb167a14716929a0b0805d66b5f_TextPercentage" hidden="1">
            <a:extLst>
              <a:ext uri="{FF2B5EF4-FFF2-40B4-BE49-F238E27FC236}">
                <a16:creationId xmlns:a16="http://schemas.microsoft.com/office/drawing/2014/main" id="{8175BD93-1BC7-4272-B4A5-F8B6B084879F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78" name="OTLSHAPE_T_3c934d68999e4394a99af49359b39c6d_Duration" hidden="1">
            <a:extLst>
              <a:ext uri="{FF2B5EF4-FFF2-40B4-BE49-F238E27FC236}">
                <a16:creationId xmlns:a16="http://schemas.microsoft.com/office/drawing/2014/main" id="{95E49E56-C495-4888-8DA2-4187F9583485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12 days</a:t>
            </a:r>
          </a:p>
        </p:txBody>
      </p:sp>
      <p:sp>
        <p:nvSpPr>
          <p:cNvPr id="179" name="OTLSHAPE_T_3c934d68999e4394a99af49359b39c6d_StartDate" hidden="1">
            <a:extLst>
              <a:ext uri="{FF2B5EF4-FFF2-40B4-BE49-F238E27FC236}">
                <a16:creationId xmlns:a16="http://schemas.microsoft.com/office/drawing/2014/main" id="{17711B0A-7DBB-40B8-9745-7F6E42429E75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80" name="OTLSHAPE_T_3c934d68999e4394a99af49359b39c6d_EndDate" hidden="1">
            <a:extLst>
              <a:ext uri="{FF2B5EF4-FFF2-40B4-BE49-F238E27FC236}">
                <a16:creationId xmlns:a16="http://schemas.microsoft.com/office/drawing/2014/main" id="{2BD97844-CE45-4DBC-856B-763164B74024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83" name="OTLSHAPE_T_3c934d68999e4394a99af49359b39c6d_TextPercentage" hidden="1">
            <a:extLst>
              <a:ext uri="{FF2B5EF4-FFF2-40B4-BE49-F238E27FC236}">
                <a16:creationId xmlns:a16="http://schemas.microsoft.com/office/drawing/2014/main" id="{5ADE047F-B326-4B34-BD8D-1620D006DB0D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86" name="OTLSHAPE_T_b408e2a948f7418c97bdd14c5279b142_Duration" hidden="1">
            <a:extLst>
              <a:ext uri="{FF2B5EF4-FFF2-40B4-BE49-F238E27FC236}">
                <a16:creationId xmlns:a16="http://schemas.microsoft.com/office/drawing/2014/main" id="{F871C3BA-FF49-46FB-9087-CFBCED6B14E8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264299"/>
            <a:ext cx="393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A5300F"/>
                </a:solidFill>
                <a:latin typeface="Arial" panose="020B0604020202020204" pitchFamily="34" charset="0"/>
              </a:rPr>
              <a:t>11 days</a:t>
            </a:r>
          </a:p>
        </p:txBody>
      </p:sp>
      <p:sp>
        <p:nvSpPr>
          <p:cNvPr id="187" name="OTLSHAPE_T_b408e2a948f7418c97bdd14c5279b142_StartDate" hidden="1">
            <a:extLst>
              <a:ext uri="{FF2B5EF4-FFF2-40B4-BE49-F238E27FC236}">
                <a16:creationId xmlns:a16="http://schemas.microsoft.com/office/drawing/2014/main" id="{52F0333F-4F26-402D-AEF1-5AF86C53BA34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88" name="OTLSHAPE_T_b408e2a948f7418c97bdd14c5279b142_EndDate" hidden="1">
            <a:extLst>
              <a:ext uri="{FF2B5EF4-FFF2-40B4-BE49-F238E27FC236}">
                <a16:creationId xmlns:a16="http://schemas.microsoft.com/office/drawing/2014/main" id="{58144A07-84E1-46EC-B6EC-D51B6BD47078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61695B"/>
              </a:solidFill>
              <a:latin typeface="Arial" panose="020B0604020202020204" pitchFamily="34" charset="0"/>
            </a:endParaRPr>
          </a:p>
        </p:txBody>
      </p:sp>
      <p:sp>
        <p:nvSpPr>
          <p:cNvPr id="191" name="OTLSHAPE_T_b408e2a948f7418c97bdd14c5279b142_TextPercentage" hidden="1">
            <a:extLst>
              <a:ext uri="{FF2B5EF4-FFF2-40B4-BE49-F238E27FC236}">
                <a16:creationId xmlns:a16="http://schemas.microsoft.com/office/drawing/2014/main" id="{5D4CB817-F139-4510-94F2-8ACB112367CB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0" name="OTLSHAPE_M_63290e6337224cb6b06db3387e6fe2b0_Shape">
            <a:extLst>
              <a:ext uri="{FF2B5EF4-FFF2-40B4-BE49-F238E27FC236}">
                <a16:creationId xmlns:a16="http://schemas.microsoft.com/office/drawing/2014/main" id="{4DA69E9B-D517-42EE-865D-2F8422F83D1F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>
            <a:off x="1767877" y="5517473"/>
            <a:ext cx="165100" cy="165100"/>
          </a:xfrm>
          <a:prstGeom prst="wave">
            <a:avLst/>
          </a:prstGeom>
          <a:solidFill>
            <a:srgbClr val="A16B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M_d4ee796514534b92b3865a02c5dc671d_Shape">
            <a:extLst>
              <a:ext uri="{FF2B5EF4-FFF2-40B4-BE49-F238E27FC236}">
                <a16:creationId xmlns:a16="http://schemas.microsoft.com/office/drawing/2014/main" id="{4B5281BE-3EC2-4FEF-A075-451CB3D405DD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>
            <a:off x="10847754" y="4775200"/>
            <a:ext cx="254000" cy="254000"/>
          </a:xfrm>
          <a:prstGeom prst="ellipse">
            <a:avLst/>
          </a:prstGeom>
          <a:solidFill>
            <a:srgbClr val="A16B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M_b4909461c22745b9bafd71cfb58d9653_Shape" hidden="1">
            <a:extLst>
              <a:ext uri="{FF2B5EF4-FFF2-40B4-BE49-F238E27FC236}">
                <a16:creationId xmlns:a16="http://schemas.microsoft.com/office/drawing/2014/main" id="{B723643B-9CDE-4BD9-AE58-F9D570DD18E5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>
            <a:off x="5180735" y="5199740"/>
            <a:ext cx="0" cy="0"/>
          </a:xfrm>
          <a:prstGeom prst="flowChartMerge">
            <a:avLst/>
          </a:prstGeom>
          <a:solidFill>
            <a:srgbClr val="5C55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M_13faf3e87f30431795b8f33933499205_Shape" hidden="1">
            <a:extLst>
              <a:ext uri="{FF2B5EF4-FFF2-40B4-BE49-F238E27FC236}">
                <a16:creationId xmlns:a16="http://schemas.microsoft.com/office/drawing/2014/main" id="{69F2EF6A-8954-43E5-B4CA-2A8A635F90BD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6945417" y="5199740"/>
            <a:ext cx="0" cy="0"/>
          </a:xfrm>
          <a:prstGeom prst="flowChartMerge">
            <a:avLst/>
          </a:prstGeom>
          <a:solidFill>
            <a:srgbClr val="5C55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M_e3b0d6c8d3ba488fa47a7493dda98459_Shape" hidden="1">
            <a:extLst>
              <a:ext uri="{FF2B5EF4-FFF2-40B4-BE49-F238E27FC236}">
                <a16:creationId xmlns:a16="http://schemas.microsoft.com/office/drawing/2014/main" id="{DAC6D668-B13B-4B0F-9719-06D3E31ABB93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9021513" y="5663523"/>
            <a:ext cx="0" cy="0"/>
          </a:xfrm>
          <a:prstGeom prst="flowChartMerge">
            <a:avLst/>
          </a:prstGeom>
          <a:solidFill>
            <a:srgbClr val="5C55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M_2818bf36f1cc4d02a4117fe9ea53f5be_Shape" hidden="1">
            <a:extLst>
              <a:ext uri="{FF2B5EF4-FFF2-40B4-BE49-F238E27FC236}">
                <a16:creationId xmlns:a16="http://schemas.microsoft.com/office/drawing/2014/main" id="{29DA7221-8C98-486D-B796-B99490B4BB6A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3519858" y="5199740"/>
            <a:ext cx="0" cy="0"/>
          </a:xfrm>
          <a:prstGeom prst="flowChartMerge">
            <a:avLst/>
          </a:prstGeom>
          <a:solidFill>
            <a:srgbClr val="5C55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M_63290e6337224cb6b06db3387e6fe2b0_Title">
            <a:extLst>
              <a:ext uri="{FF2B5EF4-FFF2-40B4-BE49-F238E27FC236}">
                <a16:creationId xmlns:a16="http://schemas.microsoft.com/office/drawing/2014/main" id="{21F072B5-84FE-4C7C-B392-BD3829009DAE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964727" y="5635307"/>
            <a:ext cx="12954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u="sng" spc="-8" dirty="0">
                <a:solidFill>
                  <a:srgbClr val="A16B35"/>
                </a:solidFill>
                <a:latin typeface="Arial" panose="020B0604020202020204" pitchFamily="34" charset="0"/>
              </a:rPr>
              <a:t>Review Q1 Calendar</a:t>
            </a:r>
          </a:p>
        </p:txBody>
      </p:sp>
      <p:sp>
        <p:nvSpPr>
          <p:cNvPr id="39" name="OTLSHAPE_M_63290e6337224cb6b06db3387e6fe2b0_Date">
            <a:extLst>
              <a:ext uri="{FF2B5EF4-FFF2-40B4-BE49-F238E27FC236}">
                <a16:creationId xmlns:a16="http://schemas.microsoft.com/office/drawing/2014/main" id="{050574FE-A989-4A5F-8501-78AA146D9F79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964727" y="545488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A16B35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41" name="OTLSHAPE_M_d4ee796514534b92b3865a02c5dc671d_Title">
            <a:extLst>
              <a:ext uri="{FF2B5EF4-FFF2-40B4-BE49-F238E27FC236}">
                <a16:creationId xmlns:a16="http://schemas.microsoft.com/office/drawing/2014/main" id="{66BC209F-6B7C-4371-8B92-CA839EA33EDE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0299198" y="5211445"/>
            <a:ext cx="13589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>
                <a:solidFill>
                  <a:srgbClr val="3E451F"/>
                </a:solidFill>
                <a:latin typeface="Arial" panose="020B0604020202020204" pitchFamily="34" charset="0"/>
              </a:rPr>
              <a:t>Approve Q2 Calendar</a:t>
            </a:r>
          </a:p>
        </p:txBody>
      </p:sp>
      <p:sp>
        <p:nvSpPr>
          <p:cNvPr id="42" name="OTLSHAPE_M_d4ee796514534b92b3865a02c5dc671d_Date">
            <a:extLst>
              <a:ext uri="{FF2B5EF4-FFF2-40B4-BE49-F238E27FC236}">
                <a16:creationId xmlns:a16="http://schemas.microsoft.com/office/drawing/2014/main" id="{663BB348-9B6F-4624-BDD9-CFC2ADFD5005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0796870" y="5054600"/>
            <a:ext cx="368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8">
                <a:solidFill>
                  <a:srgbClr val="3E451F"/>
                </a:solidFill>
                <a:latin typeface="Arial" panose="020B0604020202020204" pitchFamily="34" charset="0"/>
              </a:rPr>
              <a:t>Mar 31</a:t>
            </a:r>
          </a:p>
        </p:txBody>
      </p:sp>
      <p:sp>
        <p:nvSpPr>
          <p:cNvPr id="44" name="OTLSHAPE_M_b4909461c22745b9bafd71cfb58d9653_Title">
            <a:extLst>
              <a:ext uri="{FF2B5EF4-FFF2-40B4-BE49-F238E27FC236}">
                <a16:creationId xmlns:a16="http://schemas.microsoft.com/office/drawing/2014/main" id="{F3B3575E-5793-4EC5-9AA9-8F461688EAB7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5212485" y="5235025"/>
            <a:ext cx="11938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>
                <a:solidFill>
                  <a:srgbClr val="3E451F"/>
                </a:solidFill>
                <a:latin typeface="Arial" panose="020B0604020202020204" pitchFamily="34" charset="0"/>
              </a:rPr>
              <a:t>Publish Guest Post</a:t>
            </a:r>
          </a:p>
        </p:txBody>
      </p:sp>
      <p:sp>
        <p:nvSpPr>
          <p:cNvPr id="45" name="OTLSHAPE_M_b4909461c22745b9bafd71cfb58d9653_Date">
            <a:extLst>
              <a:ext uri="{FF2B5EF4-FFF2-40B4-BE49-F238E27FC236}">
                <a16:creationId xmlns:a16="http://schemas.microsoft.com/office/drawing/2014/main" id="{3B2FE70B-3568-4C28-8599-918589F4A0B3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5212485" y="50546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rgbClr val="3E451F"/>
                </a:solidFill>
                <a:latin typeface="Calibri" panose="020F0502020204030204" pitchFamily="34" charset="0"/>
              </a:rPr>
              <a:t>Feb 3</a:t>
            </a:r>
          </a:p>
        </p:txBody>
      </p:sp>
      <p:sp>
        <p:nvSpPr>
          <p:cNvPr id="47" name="OTLSHAPE_M_13faf3e87f30431795b8f33933499205_Title">
            <a:extLst>
              <a:ext uri="{FF2B5EF4-FFF2-40B4-BE49-F238E27FC236}">
                <a16:creationId xmlns:a16="http://schemas.microsoft.com/office/drawing/2014/main" id="{AA82F795-40FC-4A95-92B2-12F8502325DC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6977167" y="5235025"/>
            <a:ext cx="11049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10">
                <a:solidFill>
                  <a:srgbClr val="3E451F"/>
                </a:solidFill>
                <a:latin typeface="Arial" panose="020B0604020202020204" pitchFamily="34" charset="0"/>
              </a:rPr>
              <a:t>Publish KB Article</a:t>
            </a:r>
          </a:p>
        </p:txBody>
      </p:sp>
      <p:sp>
        <p:nvSpPr>
          <p:cNvPr id="48" name="OTLSHAPE_M_13faf3e87f30431795b8f33933499205_Date">
            <a:extLst>
              <a:ext uri="{FF2B5EF4-FFF2-40B4-BE49-F238E27FC236}">
                <a16:creationId xmlns:a16="http://schemas.microsoft.com/office/drawing/2014/main" id="{392D7563-A3B3-4FE7-AB08-36BEB55686C1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6977167" y="50546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3E451F"/>
                </a:solidFill>
                <a:latin typeface="Calibri" panose="020F0502020204030204" pitchFamily="34" charset="0"/>
              </a:rPr>
              <a:t>Feb 20</a:t>
            </a:r>
          </a:p>
        </p:txBody>
      </p:sp>
      <p:sp>
        <p:nvSpPr>
          <p:cNvPr id="50" name="OTLSHAPE_M_e3b0d6c8d3ba488fa47a7493dda98459_Title">
            <a:extLst>
              <a:ext uri="{FF2B5EF4-FFF2-40B4-BE49-F238E27FC236}">
                <a16:creationId xmlns:a16="http://schemas.microsoft.com/office/drawing/2014/main" id="{245F7C50-AA79-4C67-A301-F96A186A2004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9053263" y="5698807"/>
            <a:ext cx="12192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dirty="0">
                <a:solidFill>
                  <a:srgbClr val="3E451F"/>
                </a:solidFill>
                <a:latin typeface="Arial" panose="020B0604020202020204" pitchFamily="34" charset="0"/>
              </a:rPr>
              <a:t>Publish Case Study</a:t>
            </a:r>
          </a:p>
        </p:txBody>
      </p:sp>
      <p:sp>
        <p:nvSpPr>
          <p:cNvPr id="51" name="OTLSHAPE_M_e3b0d6c8d3ba488fa47a7493dda98459_Date">
            <a:extLst>
              <a:ext uri="{FF2B5EF4-FFF2-40B4-BE49-F238E27FC236}">
                <a16:creationId xmlns:a16="http://schemas.microsoft.com/office/drawing/2014/main" id="{BAD247CF-156C-4009-8417-1D27DF588C9A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9053263" y="5518383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3E451F"/>
                </a:solidFill>
                <a:latin typeface="Calibri" panose="020F0502020204030204" pitchFamily="34" charset="0"/>
              </a:rPr>
              <a:t>Mar 12</a:t>
            </a:r>
          </a:p>
        </p:txBody>
      </p:sp>
      <p:sp>
        <p:nvSpPr>
          <p:cNvPr id="53" name="OTLSHAPE_M_2818bf36f1cc4d02a4117fe9ea53f5be_Title">
            <a:extLst>
              <a:ext uri="{FF2B5EF4-FFF2-40B4-BE49-F238E27FC236}">
                <a16:creationId xmlns:a16="http://schemas.microsoft.com/office/drawing/2014/main" id="{D570C596-37F5-4C09-ACCB-01C77DDF7862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3551608" y="5235025"/>
            <a:ext cx="8636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u="sng" spc="-12">
                <a:solidFill>
                  <a:srgbClr val="A16B35"/>
                </a:solidFill>
                <a:latin typeface="Arial" panose="020B0604020202020204" pitchFamily="34" charset="0"/>
              </a:rPr>
              <a:t>Publish Video</a:t>
            </a:r>
          </a:p>
        </p:txBody>
      </p:sp>
      <p:sp>
        <p:nvSpPr>
          <p:cNvPr id="54" name="OTLSHAPE_M_2818bf36f1cc4d02a4117fe9ea53f5be_Date">
            <a:extLst>
              <a:ext uri="{FF2B5EF4-FFF2-40B4-BE49-F238E27FC236}">
                <a16:creationId xmlns:a16="http://schemas.microsoft.com/office/drawing/2014/main" id="{9A036368-5A18-461D-988A-98D9C1AC782B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3551608" y="50546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A16B35"/>
                </a:solidFill>
                <a:latin typeface="Calibri" panose="020F0502020204030204" pitchFamily="34" charset="0"/>
              </a:rPr>
              <a:t>Jan 18</a:t>
            </a:r>
          </a:p>
        </p:txBody>
      </p:sp>
      <p:sp>
        <p:nvSpPr>
          <p:cNvPr id="192" name="Title 1">
            <a:extLst>
              <a:ext uri="{FF2B5EF4-FFF2-40B4-BE49-F238E27FC236}">
                <a16:creationId xmlns:a16="http://schemas.microsoft.com/office/drawing/2014/main" id="{7B4C08A8-383B-4DE1-BF95-284B4BD36AE0}"/>
              </a:ext>
            </a:extLst>
          </p:cNvPr>
          <p:cNvSpPr txBox="1">
            <a:spLocks/>
          </p:cNvSpPr>
          <p:nvPr/>
        </p:nvSpPr>
        <p:spPr>
          <a:xfrm>
            <a:off x="831977" y="264776"/>
            <a:ext cx="4913092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rgbClr val="3E451F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Content Calenda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827719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zMC4wLCJCb3JkZXJTdHlsZSI6bnVsbCwiUGFyZW50U3R5bGUiOm51bGx9LCJCb3R0b21UaWVyU2hhcGVTdHlsZSI6eyIkaWQiOiIxNCIsIk1hcmdpbiI6eyIkcmVmIjoiNiJ9LCJQYWRkaW5nIjp7IiRyZWYiOiI3In0sIkJhY2tncm91bmQiOnsiJHJlZiI6IjgifSwiSXNWaXNpYmxlIjp0cnVlLCJXaWR0aCI6ODU4LjAsIkhlaWdodCI6Mz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E2MSwiRyI6MTA3LCJCIjo1M3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MjU1LCJSIjoyNTUsIkciOjI1NSwiQiI6MjU1fX0sIklzVmlzaWJsZSI6ZmFsc2UsIldpZHRoIjowLjAsIkhlaWdodCI6MC4wLCJCb3JkZXJTdHlsZSI6bnVsbCwiUGFyZW50U3R5bGUiOm51bGx9LCJMZWZ0RW5kQ2Fwc1N0eWxlIjp7IiRpZCI6IjIzIiwiRm9udFNldHRpbmdzIjp7IiRpZCI6IjI0IiwiRm9udFNpemUiOjE4LCJGb250TmFtZSI6IkNhbGlicmkiLCJJc0JvbGQiOnRydWUsIklzSXRhbGljIjpmYWxzZSwiSXNVbmRlcmxpbmVkIjpmYWxzZSwiUGFyZW50U3R5bGUiOm51bGx9LCJBdXRvU2l6ZSI6MCwiRm9yZWdyb3VuZCI6eyIkaWQiOiIyNSIsIkNvbG9yIjp7IiRpZCI6IjI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HJlZiI6IjMwIn19LCJJc1Zpc2libGUiOnRydWUsIldpZHRoIjowLjAsIkhlaWdodCI6MC4wLCJCb3JkZXJTdHlsZSI6bnVsbCwiUGFyZW50U3R5bGUiOm51bGx9LCJEYXRlU3R5bGUiOnsiJGlkIjoiODIiLCJGb250U2V0dGluZ3MiOnsiJGlkIjoiODMiLCJGb250U2l6ZSI6MTAsIkZvbnROYW1lIjoiQ2FsaWJyaSIsIklzQm9sZCI6ZmFsc2UsIklzSXRhbGljIjpmYWxzZSwiSXNVbmRlcmxpbmVkIjpmYWxzZSwiUGFyZW50U3R5bGUiOm51bGx9LCJBdXRvU2l6ZSI6MCwiRm9yZWdyb3VuZCI6eyIkaWQiOiI4NCIsIkNvbG9yIjp7IiRpZCI6Ijg1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HJlZiI6IjMwIn19LCJJc1Zpc2libGUiOnRydWUsIldpZHRoIjowLjAsIkhlaWdodCI6MC4wLCJCb3JkZXJTdHlsZSI6bnVsbCwiUGFyZW50U3R5bGUiOm51bGx9LCJEYXRlRm9ybWF0Ijp7IiRpZCI6Ij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IiwiRm9ybWF0IjowLCJJc1Zpc2libGUiOmZhbHNlLCJMYXN0S25vd25WaXNpYmlsaXR5U3RhdGUiOmZhbHNlfSwiSXNWaXNpYmxlIjp0cnVlLCJQYXJlbnRTdHlsZSI6bnVsbH0sIkRlZmF1bHRUYXNrU3R5bGUiOnsiJGlkIjoiOTEiLCJTaGFwZSI6MiwiU2hhcGVUaGlja25lc3MiOjEsIkR1cmF0aW9uRm9ybWF0IjowLCJJbmNsdWRlTm9uV29ya2luZ0RheXNJbkR1cmF0aW9uIjpmYWxzZSwiUGVyY2VudGFnZUNvbXBsZXRl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HJlZiI6IjMwIn19LCJJc1Zpc2libGUiOnRydWUsIldpZHRoIjowLjAsIkhlaWdodCI6MC4wLCJCb3JkZXJTdHlsZSI6bnVsbCwiUGFyZW50U3R5bGUiOm51bGx9LCJEdXJhdGlvblN0eWxlIjp7IiRpZCI6Ijk5IiwiRm9udFNldHRpbmdzIjp7IiRpZCI6IjEwMCIsIkZvbnRTaXplIjo5LCJGb250TmFtZSI6IkFyaWFsIiwiSXNCb2xkIjpmYWxzZSwiSXNJdGFsaWMiOmZhbHNlLCJJc1VuZGVybGluZWQiOmZhbHNlLCJQYXJlbnRTdHlsZSI6bnVsbH0sIkF1dG9TaXplIjowLCJGb3JlZ3JvdW5kIjp7IiRpZCI6IjEwMSIsIkNvbG9yIjp7IiRpZCI6IjEwMiIsIkEiOjI1NSwiUiI6MTY1LCJHIjo0OCwiQiI6MTV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wLCJGb250TmFtZSI6IkFyaWFsIiwiSXNCb2xkIjp0cnVlLCJJc0l0YWxpYyI6ZmFsc2UsIklzVW5kZXJsaW5lZCI6ZmFsc2UsIlBhcmVudFN0eWxlIjpudWxsfSwiQXV0b1NpemUiOjAsIkZvcmVncm91bmQiOnsiJGlkIjoiMTIyIiwiQ29sb3IiOnsiJGlkIjoiMTIz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MwIn19LCJJc1Zpc2libGUiOnRydWUsIldpZHRoIjowLjAsIkhlaWdodCI6MC4wLCJCb3JkZXJTdHlsZSI6bnVsbCwiUGFyZW50U3R5bGUiOm51bGx9LCJEYXRlU3R5bGUiOnsiJGlkIjoiMTI3IiwiRm9udFNldHRpbmdzIjp7IiRpZCI6IjEyOCIsIkZvbnRTaXplIjo5LCJGb250TmFtZSI6IkFyaWFsIiwiSXNCb2xkIjpmYWxzZSwiSXNJdGFsaWMiOmZhbHNlLCJJc1VuZGVybGluZWQiOmZhbHNlLCJQYXJlbnRTdHlsZSI6bnVsbH0sIkF1dG9TaXplIjowLCJGb3JlZ3JvdW5kIjp7IiRpZCI6IjEyOSIsIkNvbG9yIjp7IiRpZCI6IjEzMC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zAifX0sIklzVmlzaWJsZSI6dHJ1ZSwiV2lkdGgiOjAuMCwiSGVpZ2h0IjowLjAsIkJvcmRlclN0eWxlIjpudWxsLCJQYXJlbnRTdHlsZSI6bnVsbH0sIkRhdGVGb3JtYXQiOnsiJGlkIjoiMTM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1IiwiRGF0ZVBhcnRJc1Zpc2libGUiOmZhbHNlLCJUaW1lUGFydElzVmlzaWJsZSI6ZmFsc2V9fSwiV2Vla051bWJlcmluZyI6eyIkaWQiOiIxMzYiLCJGb3JtYXQiOjAsIklzVmlzaWJsZSI6ZmFsc2UsIkxhc3RLbm93blZpc2liaWxpdHlTdGF0ZSI6ZmFsc2V9LCJJc1Zpc2libGUiOnRydWUsIlBhcmVudFN0eWxlIjpudWxsLCJfZXhwbGljaXRseVNldCI6eyIkaWQiOiIxM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TEiLCJBY3Rpdml0eUhlYWRlcldpZHRoIjowLjAsIklzU2V0IjpmYWxzZX0sIkRlZmF1bHRTd2ltbGFuZVN0eWxlIjp7IiRpZCI6IjE1MiIsIkhlYWRlclN0eWxlIjp7IiRpZCI6IjE1MyIsIlRleHRTdHlsZSI6eyIkaWQiOiIxNTQiLCJGb250U2V0dGluZ3MiOnsiJGlkIjoiMTU1IiwiRm9udFNpemUiOjEyLCJGb250TmFtZSI6IkNhbGlicmkiLCJJc0JvbGQiOmZhbHNlLCJJc0l0YWxpYyI6ZmFsc2UsIklzVW5kZXJsaW5lZCI6ZmFsc2UsIlBhcmVudFN0eWxlIjpudWxsfSwiQXV0b1NpemUiOjAsIkZvcmVncm91bmQiOnsiJGlkIjoiMTU2IiwiQ29sb3IiOnsiJGlkIjoiMTU3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5LCJGb250TmFtZSI6IkFyaWFsIiwiSXNCb2xkIjpmYWxzZSwiSXNJdGFsaWMiOmZhbHNlLCJJc1VuZGVybGluZWQiOmZhbHNlLCJQYXJlbnRTdHlsZSI6bnVsbH0sIkF1dG9TaXplIjowLCJGb3JlZ3JvdW5kIjp7IiRpZCI6IjI0NyIsIkNvbG9yIjp7IiRpZCI6IjI0OCIsIkEiOjI1NSwiUiI6NjIsIkciOjY5LCJCIjozMX19LCJNYXhXaWR0aCI6MjAwLjAsIk1heEhlaWdodCI6IkluZmluaXR5IiwiU21hcnRGb3JlZ3JvdW5kSXNBY3RpdmUiOmZhbHNlLCJIb3Jpem9udGFsQWxpZ25tZW50Ijox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7IiRpZCI6IjI1MSIsIkNvbG9yIjp7IiRpZCI6IjI1MiIsIkEiOjAsIlIiOjI1NSwiRyI6MjU1LCJCIjoyNTV9fSwiSXNWaXNpYmxlIjp0cnVlLCJXaWR0aCI6MC4wLCJIZWlnaHQiOjAuMCwiQm9yZGVyU3R5bGUiOnsiJGlkIjoiMjUzIiwiTGluZUNvbG9yIjpudWxsLCJMaW5lV2VpZ2h0IjowLjAsIkxpbmVUeXBlIjowLCJQYXJlbnRTdHlsZSI6bnVsbH0sIlBhcmVudFN0eWxlIjpudWxsfSwiRGF0ZUZvcm1hdCI6eyIkaWQiOiIyN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iLCJJc0JvbGQiOmZhbHNlLCJJc0l0YWxpYyI6ZmFsc2UsIklzVW5kZXJsaW5lZCI6ZmFsc2UsIlBhcmVudFN0eWxlIjpudWxsfSwiQXV0b1NpemUiOjAsIkZvcmVncm91bmQiOnsiJGlkIjoiMjgzIiwiQ29sb3IiOnsiJGlkIjoiMjg0IiwiQSI6MjU1LCJSIjo2MiwiRyI6NjksIkIiOjMxfX0sIk1heFdpZHRoIjoyMDAuMCwiTWF4SGVpZ2h0IjoiSW5maW5pdHkiLCJTbWFydEZvcmVncm91bmRJc0FjdGl2ZSI6ZmFsc2UsIkhvcml6b250YWxBbGlnbm1lbnQiOjA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Rm9ybWF0Ijp7IiRpZCI6IjI5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yZWYiOiIxMzMifSwiSXNWaXNpYmxlIjpmYWxzZSwiV2lkdGgiOjAuMCwiSGVpZ2h0IjowLjAsIkJvcmRlclN0eWxlIjp7IiRpZCI6IjQ5NCIsIkxpbmVDb2xvciI6bnVsbCwiTGluZVdlaWdodCI6MC4wLCJMaW5lVHlwZSI6MCwiUGFyZW50U3R5bGUiOm51bGx9LCJQYXJlbnRTdHlsZSI6bnVsbH0sIkRhdGVGb3JtYXQiOnsiJGlkIjoiNDk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HJlZiI6IjEwNSJ9LCJJc1Zpc2libGUiOnRydWUsIldpZHRoIjowLjAsIkhlaWdodCI6MC4wLCJCb3JkZXJTdHlsZSI6eyIkaWQiOiI1NjEiLCJMaW5lQ29sb3IiOm51bGwsIkxpbmVXZWlnaHQiOjAuMCwiTGluZVR5cGUiOjAsIlBhcmVudFN0eWxlIjpudWxsfSwiUGFyZW50U3R5bGUiOm51bGx9LCJIb3Jpem9udGFsQ29ubmVjdG9yU3R5bGUiOnsiJGlkIjoiNTYyIiwiTGluZUNvbG9yIjp7IiRyZWYiOiIxMDcifSwiTGluZVdlaWdodCI6MS4wLCJMaW5lVHlwZSI6MCwiUGFyZW50U3R5bGUiOm51bGx9LCJWZXJ0aWNhbENvbm5lY3RvclN0eWxlIjp7IiRpZCI6IjU2MyIsIkxpbmVDb2xvciI6eyIkcmVmIjoiMTEw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HJlZiI6IjEwNSJ9LCJJc1Zpc2libGUiOnRydWUsIldpZHRoIjowLjAsIkhlaWdodCI6MC4wLCJCb3JkZXJTdHlsZSI6eyIkaWQiOiI3NDciLCJMaW5lQ29sb3IiOm51bGwsIkxpbmVXZWlnaHQiOjAuMCwiTGluZVR5cGUiOjAsIlBhcmVudFN0eWxlIjpudWxsfSwiUGFyZW50U3R5bGUiOm51bGx9LCJIb3Jpem9udGFsQ29ubmVjdG9yU3R5bGUiOnsiJGlkIjoiNzQ4IiwiTGluZUNvbG9yIjp7IiRyZWYiOiIxMDcifSwiTGluZVdlaWdodCI6MS4wLCJMaW5lVHlwZSI6MCwiUGFyZW50U3R5bGUiOm51bGx9LCJWZXJ0aWNhbENvbm5lY3RvclN0eWxlIjp7IiRpZCI6Ijc0OSIsIkxpbmVDb2xvciI6eyIkcmVmIjoiMTEw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OTYiLCJVc2VUaW1lIjpmYWxzZSwiV29ya0RheVN0YXJ0IjoiMDA6MDA6MDAiLCJXb3JrRGF5RW5kIjoiMjM6NTk6MDAifSwiTGFzdFVzZWRUZW1wbGF0ZUlkIjoiOGFmYjBmZjUtMjE5OC00OTUyLTlkNjktY2RmZTY5MmY0NDlk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Q1 Calendar"/>
  <p:tag name="OTLPOSITIONONTASK" val="None"/>
  <p:tag name="OTLRELATEDTASKID" val="00000000-0000-0000-0000-000000000000"/>
  <p:tag name="OTLWEEKNUMBERINGFORMAT" val="WNFormat1"/>
  <p:tag name="OTLWEEKNUMBERINGISVISIBLE" val="False"/>
  <p:tag name="OTLDATE" val="2022-01-01T23:59:00.0000000"/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rove Q2 Calendar"/>
  <p:tag name="OTLPOSITIONONTASK" val="None"/>
  <p:tag name="OTLRELATEDTASKID" val="00000000-0000-0000-0000-000000000000"/>
  <p:tag name="OTLWEEKNUMBERINGFORMAT" val="WNFormat1"/>
  <p:tag name="OTLWEEKNUMBERINGISVISIBLE" val="False"/>
  <p:tag name="OTLDATE" val="2022-03-31T23:59:00.0000000"/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sh Guest Post"/>
  <p:tag name="OTLDATE" val="2022-02-03T23:59:00.0000000"/>
  <p:tag name="OTLPOSITIONONTASK" val="None"/>
  <p:tag name="OTLRELATEDTASKID" val="00000000-0000-0000-0000-000000000000"/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sh KB Article"/>
  <p:tag name="OTLDATE" val="2022-02-20T23:59:00.0000000"/>
  <p:tag name="OTLPOSITIONONTASK" val="None"/>
  <p:tag name="OTLRELATEDTASKID" val="00000000-0000-0000-0000-000000000000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sh Case Study"/>
  <p:tag name="OTLDATE" val="2022-03-12T23:59:00.0000000"/>
  <p:tag name="OTLPOSITIONONTASK" val="None"/>
  <p:tag name="OTLRELATEDTASKID" val="00000000-0000-0000-0000-000000000000"/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sh Video"/>
  <p:tag name="OTLDATE" val="2022-01-18T23:59:00.0000000"/>
  <p:tag name="OTLPOSITIONONTASK" val="None"/>
  <p:tag name="OTLRELATEDTASKID" val="00000000-0000-0000-0000-000000000000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w"/>
  <p:tag name="OTLTIMEBANDSCALETYPE" val="Weeks"/>
  <p:tag name="OTLTIMEBANDSHAPETYPE" val="EllipseTimeband"/>
  <p:tag name="OTLTIMEBANDSHAPEHEIGHT" val="30"/>
  <p:tag name="OTLTIMEBANDSHAPEPADDINGLEFT" val="13"/>
  <p:tag name="OTLTIMEBANDENDDATE" val="2022-03-31T23:59:00.000000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1-01T00:00:00.0000000Z"/>
  <p:tag name="OTLENDDATE" val="2022-01-31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Thick"/>
  <p:tag name="OTLWEEKNUMBERINGFORMAT" val="WNFormat1"/>
  <p:tag name="OTLWEEKNUMBERINGISVISIBLE" val="False"/>
  <p:tag name="OTLSTARTDATE" val="2022-02-01T00:00:00.0000000Z"/>
  <p:tag name="OTLENDDATE" val="2022-02-28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2-03-01T00:00:00.0000000Z"/>
  <p:tag name="OTLENDDATE" val="2022-03-31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1-03T00:00:00.0000000Z"/>
  <p:tag name="OTLENDDATE" val="2022-01-20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2-07T00:00:00.0000000Z"/>
  <p:tag name="OTLENDDATE" val="2022-02-16T23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3-07T00:00:00.0000000Z"/>
  <p:tag name="OTLENDDATE" val="2022-03-24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1-17T00:00:00.0000000Z"/>
  <p:tag name="OTLENDDATE" val="2022-02-02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2-23T00:00:00.0000000Z"/>
  <p:tag name="OTLENDDATE" val="2022-03-14T23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1-02T00:00:00.0000000Z"/>
  <p:tag name="OTLENDDATE" val="2022-01-23T23:59:00.0000000Z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2-02T00:00:00.0000000Z"/>
  <p:tag name="OTLENDDATE" val="2022-02-18T23:59:00.0000000Z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3-14T00:00:00.0000000Z"/>
  <p:tag name="OTLENDDATE" val="2022-03-29T23:59:00.0000000Z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1-18T00:00:00.0000000Z"/>
  <p:tag name="OTLENDDATE" val="2022-01-27T23:59:00.0000000Z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2-14T00:00:00.0000000Z"/>
  <p:tag name="OTLENDDATE" val="2022-02-24T23:59:00.0000000Z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2-28T00:00:00.0000000Z"/>
  <p:tag name="OTLENDDATE" val="2022-03-11T23:59:00.0000000Z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1-07T00:00:00.0000000Z"/>
  <p:tag name="OTLENDDATE" val="2022-01-20T23:59:00.0000000Z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2-03T00:00:00.0000000Z"/>
  <p:tag name="OTLENDDATE" val="2022-02-19T23:59:00.0000000Z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3-14T00:00:00.0000000Z"/>
  <p:tag name="OTLENDDATE" val="2022-03-28T23:59:00.0000000Z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55</Words>
  <Application>Microsoft Office PowerPoint</Application>
  <PresentationFormat>Widescreen</PresentationFormat>
  <Paragraphs>10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cp:lastModifiedBy/>
  <cp:revision>1</cp:revision>
  <dcterms:created xsi:type="dcterms:W3CDTF">2021-01-08T14:55:23Z</dcterms:created>
  <dcterms:modified xsi:type="dcterms:W3CDTF">2022-06-23T12:27:33Z</dcterms:modified>
</cp:coreProperties>
</file>